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4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5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trictFirstAndLastChars="0" saveSubsetFonts="1">
  <p:sldMasterIdLst>
    <p:sldMasterId id="2147483725" r:id="rId1"/>
  </p:sldMasterIdLst>
  <p:notesMasterIdLst>
    <p:notesMasterId r:id="rId20"/>
  </p:notesMasterIdLst>
  <p:handoutMasterIdLst>
    <p:handoutMasterId r:id="rId21"/>
  </p:handoutMasterIdLst>
  <p:sldIdLst>
    <p:sldId id="647" r:id="rId2"/>
    <p:sldId id="695" r:id="rId3"/>
    <p:sldId id="701" r:id="rId4"/>
    <p:sldId id="696" r:id="rId5"/>
    <p:sldId id="702" r:id="rId6"/>
    <p:sldId id="697" r:id="rId7"/>
    <p:sldId id="714" r:id="rId8"/>
    <p:sldId id="704" r:id="rId9"/>
    <p:sldId id="705" r:id="rId10"/>
    <p:sldId id="700" r:id="rId11"/>
    <p:sldId id="706" r:id="rId12"/>
    <p:sldId id="707" r:id="rId13"/>
    <p:sldId id="708" r:id="rId14"/>
    <p:sldId id="715" r:id="rId15"/>
    <p:sldId id="699" r:id="rId16"/>
    <p:sldId id="710" r:id="rId17"/>
    <p:sldId id="711" r:id="rId18"/>
    <p:sldId id="712" r:id="rId19"/>
  </p:sldIdLst>
  <p:sldSz cx="12192000" cy="6858000"/>
  <p:notesSz cx="7099300" cy="10234613"/>
  <p:defaultTextStyle>
    <a:defPPr>
      <a:defRPr lang="de-DE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orient="horz" pos="618" userDrawn="1">
          <p15:clr>
            <a:srgbClr val="A4A3A4"/>
          </p15:clr>
        </p15:guide>
        <p15:guide id="3" orient="horz" pos="4042" userDrawn="1">
          <p15:clr>
            <a:srgbClr val="A4A3A4"/>
          </p15:clr>
        </p15:guide>
        <p15:guide id="4" pos="7499" userDrawn="1">
          <p15:clr>
            <a:srgbClr val="A4A3A4"/>
          </p15:clr>
        </p15:guide>
        <p15:guide id="5" pos="211" userDrawn="1">
          <p15:clr>
            <a:srgbClr val="A4A3A4"/>
          </p15:clr>
        </p15:guide>
        <p15:guide id="6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224">
          <p15:clr>
            <a:srgbClr val="A4A3A4"/>
          </p15:clr>
        </p15:guide>
        <p15:guide id="2" pos="2236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4" name="Author" initials="A" lastIdx="0" clrIdx="4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5BD"/>
    <a:srgbClr val="C0C0C0"/>
    <a:srgbClr val="000000"/>
    <a:srgbClr val="41BEFF"/>
    <a:srgbClr val="FF8000"/>
    <a:srgbClr val="CB6C1D"/>
    <a:srgbClr val="ECE8C2"/>
    <a:srgbClr val="91AC6B"/>
    <a:srgbClr val="074FB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C2FFA5D-87B4-456A-9821-1D502468CF0F}" styleName="Designformatvorlage 1 - Akz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93296810-A885-4BE3-A3E7-6D5BEEA58F35}" styleName="Mittlere Formatvorlage 2 - Akz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5940675A-B579-460E-94D1-54222C63F5DA}" styleName="Keine Formatvorlage, Tabellengitternetz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351" autoAdjust="0"/>
    <p:restoredTop sz="95662" autoAdjust="0"/>
  </p:normalViewPr>
  <p:slideViewPr>
    <p:cSldViewPr>
      <p:cViewPr varScale="1">
        <p:scale>
          <a:sx n="64" d="100"/>
          <a:sy n="64" d="100"/>
        </p:scale>
        <p:origin x="544" y="36"/>
      </p:cViewPr>
      <p:guideLst>
        <p:guide orient="horz" pos="2160"/>
        <p:guide orient="horz" pos="618"/>
        <p:guide orient="horz" pos="4042"/>
        <p:guide pos="7499"/>
        <p:guide pos="211"/>
        <p:guide pos="3840"/>
      </p:guideLst>
    </p:cSldViewPr>
  </p:slideViewPr>
  <p:outlineViewPr>
    <p:cViewPr>
      <p:scale>
        <a:sx n="33" d="100"/>
        <a:sy n="33" d="100"/>
      </p:scale>
      <p:origin x="0" y="39096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101" d="100"/>
          <a:sy n="101" d="100"/>
        </p:scale>
        <p:origin x="-2532" y="-108"/>
      </p:cViewPr>
      <p:guideLst>
        <p:guide orient="horz" pos="3224"/>
        <p:guide pos="2236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commentAuthors" Target="commentAuthors.xml"/></Relationships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sv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svg"/><Relationship Id="rId1" Type="http://schemas.openxmlformats.org/officeDocument/2006/relationships/image" Target="../media/image4.png"/><Relationship Id="rId6" Type="http://schemas.openxmlformats.org/officeDocument/2006/relationships/image" Target="../media/image9.svg"/><Relationship Id="rId5" Type="http://schemas.openxmlformats.org/officeDocument/2006/relationships/image" Target="../media/image8.png"/><Relationship Id="rId4" Type="http://schemas.openxmlformats.org/officeDocument/2006/relationships/image" Target="../media/image7.svg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svg"/><Relationship Id="rId1" Type="http://schemas.openxmlformats.org/officeDocument/2006/relationships/image" Target="../media/image12.png"/><Relationship Id="rId4" Type="http://schemas.openxmlformats.org/officeDocument/2006/relationships/image" Target="../media/image15.svg"/></Relationships>
</file>

<file path=ppt/diagrams/_rels/data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svg"/><Relationship Id="rId3" Type="http://schemas.openxmlformats.org/officeDocument/2006/relationships/image" Target="../media/image22.png"/><Relationship Id="rId7" Type="http://schemas.openxmlformats.org/officeDocument/2006/relationships/image" Target="../media/image26.png"/><Relationship Id="rId2" Type="http://schemas.openxmlformats.org/officeDocument/2006/relationships/image" Target="../media/image21.svg"/><Relationship Id="rId1" Type="http://schemas.openxmlformats.org/officeDocument/2006/relationships/image" Target="../media/image20.png"/><Relationship Id="rId6" Type="http://schemas.openxmlformats.org/officeDocument/2006/relationships/image" Target="../media/image25.svg"/><Relationship Id="rId5" Type="http://schemas.openxmlformats.org/officeDocument/2006/relationships/image" Target="../media/image24.png"/><Relationship Id="rId4" Type="http://schemas.openxmlformats.org/officeDocument/2006/relationships/image" Target="../media/image23.svg"/></Relationships>
</file>

<file path=ppt/diagrams/_rels/data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5.svg"/><Relationship Id="rId1" Type="http://schemas.openxmlformats.org/officeDocument/2006/relationships/image" Target="../media/image24.png"/><Relationship Id="rId6" Type="http://schemas.openxmlformats.org/officeDocument/2006/relationships/image" Target="../media/image29.svg"/><Relationship Id="rId5" Type="http://schemas.openxmlformats.org/officeDocument/2006/relationships/image" Target="../media/image28.png"/><Relationship Id="rId4" Type="http://schemas.openxmlformats.org/officeDocument/2006/relationships/image" Target="../media/image23.sv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sv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svg"/><Relationship Id="rId1" Type="http://schemas.openxmlformats.org/officeDocument/2006/relationships/image" Target="../media/image4.png"/><Relationship Id="rId6" Type="http://schemas.openxmlformats.org/officeDocument/2006/relationships/image" Target="../media/image9.svg"/><Relationship Id="rId5" Type="http://schemas.openxmlformats.org/officeDocument/2006/relationships/image" Target="../media/image8.png"/><Relationship Id="rId4" Type="http://schemas.openxmlformats.org/officeDocument/2006/relationships/image" Target="../media/image7.sv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svg"/><Relationship Id="rId1" Type="http://schemas.openxmlformats.org/officeDocument/2006/relationships/image" Target="../media/image12.png"/><Relationship Id="rId4" Type="http://schemas.openxmlformats.org/officeDocument/2006/relationships/image" Target="../media/image15.svg"/></Relationships>
</file>

<file path=ppt/diagrams/_rels/drawing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svg"/><Relationship Id="rId3" Type="http://schemas.openxmlformats.org/officeDocument/2006/relationships/image" Target="../media/image22.png"/><Relationship Id="rId7" Type="http://schemas.openxmlformats.org/officeDocument/2006/relationships/image" Target="../media/image26.png"/><Relationship Id="rId2" Type="http://schemas.openxmlformats.org/officeDocument/2006/relationships/image" Target="../media/image21.svg"/><Relationship Id="rId1" Type="http://schemas.openxmlformats.org/officeDocument/2006/relationships/image" Target="../media/image20.png"/><Relationship Id="rId6" Type="http://schemas.openxmlformats.org/officeDocument/2006/relationships/image" Target="../media/image25.svg"/><Relationship Id="rId5" Type="http://schemas.openxmlformats.org/officeDocument/2006/relationships/image" Target="../media/image24.png"/><Relationship Id="rId4" Type="http://schemas.openxmlformats.org/officeDocument/2006/relationships/image" Target="../media/image23.svg"/></Relationships>
</file>

<file path=ppt/diagrams/_rels/drawing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5.svg"/><Relationship Id="rId1" Type="http://schemas.openxmlformats.org/officeDocument/2006/relationships/image" Target="../media/image24.png"/><Relationship Id="rId6" Type="http://schemas.openxmlformats.org/officeDocument/2006/relationships/image" Target="../media/image29.svg"/><Relationship Id="rId5" Type="http://schemas.openxmlformats.org/officeDocument/2006/relationships/image" Target="../media/image28.png"/><Relationship Id="rId4" Type="http://schemas.openxmlformats.org/officeDocument/2006/relationships/image" Target="../media/image23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8AE8E53-5DBE-453D-9E07-E62100E35408}" type="doc">
      <dgm:prSet loTypeId="urn:microsoft.com/office/officeart/2018/2/layout/IconVerticalSolidList" loCatId="icon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F96F1068-FEB6-486B-BAE3-B0F4909E8462}">
      <dgm:prSet/>
      <dgm:spPr/>
      <dgm:t>
        <a:bodyPr/>
        <a:lstStyle/>
        <a:p>
          <a:r>
            <a:rPr lang="en-IN"/>
            <a:t>Low written language comprehension (76% of the non-native-English speakers, 37 percent of the native-English-speakers) [1]</a:t>
          </a:r>
          <a:endParaRPr lang="en-US"/>
        </a:p>
      </dgm:t>
    </dgm:pt>
    <dgm:pt modelId="{BEEE836F-5490-4547-ABD3-565327A77770}" type="parTrans" cxnId="{70EF8CD9-AB71-4065-950F-0D201B0FF95F}">
      <dgm:prSet/>
      <dgm:spPr/>
      <dgm:t>
        <a:bodyPr/>
        <a:lstStyle/>
        <a:p>
          <a:endParaRPr lang="en-US"/>
        </a:p>
      </dgm:t>
    </dgm:pt>
    <dgm:pt modelId="{103CB462-1700-4C77-8EB7-355D0018205B}" type="sibTrans" cxnId="{70EF8CD9-AB71-4065-950F-0D201B0FF95F}">
      <dgm:prSet/>
      <dgm:spPr/>
      <dgm:t>
        <a:bodyPr/>
        <a:lstStyle/>
        <a:p>
          <a:endParaRPr lang="en-US"/>
        </a:p>
      </dgm:t>
    </dgm:pt>
    <dgm:pt modelId="{80B6FCEB-5736-4CFA-842D-5C36ABBD58C4}">
      <dgm:prSet/>
      <dgm:spPr/>
      <dgm:t>
        <a:bodyPr/>
        <a:lstStyle/>
        <a:p>
          <a:r>
            <a:rPr lang="en-IN"/>
            <a:t>Inability to comprehend legal language</a:t>
          </a:r>
          <a:endParaRPr lang="en-US"/>
        </a:p>
      </dgm:t>
    </dgm:pt>
    <dgm:pt modelId="{4EEEAD15-7D6D-40FD-83FA-C379C2EC9130}" type="parTrans" cxnId="{153CAA4C-EA55-437D-B002-A42A66FEC96C}">
      <dgm:prSet/>
      <dgm:spPr/>
      <dgm:t>
        <a:bodyPr/>
        <a:lstStyle/>
        <a:p>
          <a:endParaRPr lang="en-US"/>
        </a:p>
      </dgm:t>
    </dgm:pt>
    <dgm:pt modelId="{8031C793-0D28-4D7C-A069-14AE5150E53B}" type="sibTrans" cxnId="{153CAA4C-EA55-437D-B002-A42A66FEC96C}">
      <dgm:prSet/>
      <dgm:spPr/>
      <dgm:t>
        <a:bodyPr/>
        <a:lstStyle/>
        <a:p>
          <a:endParaRPr lang="en-US"/>
        </a:p>
      </dgm:t>
    </dgm:pt>
    <dgm:pt modelId="{86C9E72A-2AB7-4651-B09C-EF307E28DEEF}">
      <dgm:prSet/>
      <dgm:spPr/>
      <dgm:t>
        <a:bodyPr/>
        <a:lstStyle/>
        <a:p>
          <a:r>
            <a:rPr lang="en-IN"/>
            <a:t>Simplified text improves readability of laws [2]</a:t>
          </a:r>
          <a:endParaRPr lang="en-US"/>
        </a:p>
      </dgm:t>
    </dgm:pt>
    <dgm:pt modelId="{61876137-A0C0-494D-90F9-392166FD479D}" type="parTrans" cxnId="{58C6F341-9402-48D7-912F-48A358B9AC5C}">
      <dgm:prSet/>
      <dgm:spPr/>
      <dgm:t>
        <a:bodyPr/>
        <a:lstStyle/>
        <a:p>
          <a:endParaRPr lang="en-US"/>
        </a:p>
      </dgm:t>
    </dgm:pt>
    <dgm:pt modelId="{8A639723-4C76-48E4-95E3-A3B025E32907}" type="sibTrans" cxnId="{58C6F341-9402-48D7-912F-48A358B9AC5C}">
      <dgm:prSet/>
      <dgm:spPr/>
      <dgm:t>
        <a:bodyPr/>
        <a:lstStyle/>
        <a:p>
          <a:endParaRPr lang="en-US"/>
        </a:p>
      </dgm:t>
    </dgm:pt>
    <dgm:pt modelId="{AC44F7BB-258C-43CE-86EF-B1A854F19B56}">
      <dgm:prSet/>
      <dgm:spPr/>
      <dgm:t>
        <a:bodyPr/>
        <a:lstStyle/>
        <a:p>
          <a:r>
            <a:rPr lang="en-IN"/>
            <a:t>Makes legal information more accessible</a:t>
          </a:r>
          <a:endParaRPr lang="en-US"/>
        </a:p>
      </dgm:t>
    </dgm:pt>
    <dgm:pt modelId="{DEDC349A-9EF3-4164-B7F4-20D47D0F5879}" type="parTrans" cxnId="{9E3ABBE5-8D2E-4CDD-A6B1-421B9ACEE23A}">
      <dgm:prSet/>
      <dgm:spPr/>
      <dgm:t>
        <a:bodyPr/>
        <a:lstStyle/>
        <a:p>
          <a:endParaRPr lang="en-US"/>
        </a:p>
      </dgm:t>
    </dgm:pt>
    <dgm:pt modelId="{662741BD-C836-4D19-A83C-1789CC3874ED}" type="sibTrans" cxnId="{9E3ABBE5-8D2E-4CDD-A6B1-421B9ACEE23A}">
      <dgm:prSet/>
      <dgm:spPr/>
      <dgm:t>
        <a:bodyPr/>
        <a:lstStyle/>
        <a:p>
          <a:endParaRPr lang="en-US"/>
        </a:p>
      </dgm:t>
    </dgm:pt>
    <dgm:pt modelId="{675BD842-B773-4CEA-A57E-FCBF8136604B}" type="pres">
      <dgm:prSet presAssocID="{F8AE8E53-5DBE-453D-9E07-E62100E35408}" presName="root" presStyleCnt="0">
        <dgm:presLayoutVars>
          <dgm:dir/>
          <dgm:resizeHandles val="exact"/>
        </dgm:presLayoutVars>
      </dgm:prSet>
      <dgm:spPr/>
    </dgm:pt>
    <dgm:pt modelId="{87A91E5F-4C29-4710-9B1F-42B88F6C7C86}" type="pres">
      <dgm:prSet presAssocID="{F96F1068-FEB6-486B-BAE3-B0F4909E8462}" presName="compNode" presStyleCnt="0"/>
      <dgm:spPr/>
    </dgm:pt>
    <dgm:pt modelId="{ABC2A8CF-F6DF-4D3F-A8F7-1124C87D33AB}" type="pres">
      <dgm:prSet presAssocID="{F96F1068-FEB6-486B-BAE3-B0F4909E8462}" presName="bgRect" presStyleLbl="bgShp" presStyleIdx="0" presStyleCnt="4"/>
      <dgm:spPr/>
    </dgm:pt>
    <dgm:pt modelId="{7FB1C4FD-6330-434B-9ECC-4C47D947FF2F}" type="pres">
      <dgm:prSet presAssocID="{F96F1068-FEB6-486B-BAE3-B0F4909E8462}" presName="iconRect" presStyleLbl="node1" presStyleIdx="0" presStyleCnt="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Tongue"/>
        </a:ext>
      </dgm:extLst>
    </dgm:pt>
    <dgm:pt modelId="{A59D0AB3-EFC7-41D8-AE7F-95264926391D}" type="pres">
      <dgm:prSet presAssocID="{F96F1068-FEB6-486B-BAE3-B0F4909E8462}" presName="spaceRect" presStyleCnt="0"/>
      <dgm:spPr/>
    </dgm:pt>
    <dgm:pt modelId="{893E73E9-4A1C-4342-8C08-DA6A275F2435}" type="pres">
      <dgm:prSet presAssocID="{F96F1068-FEB6-486B-BAE3-B0F4909E8462}" presName="parTx" presStyleLbl="revTx" presStyleIdx="0" presStyleCnt="4">
        <dgm:presLayoutVars>
          <dgm:chMax val="0"/>
          <dgm:chPref val="0"/>
        </dgm:presLayoutVars>
      </dgm:prSet>
      <dgm:spPr/>
    </dgm:pt>
    <dgm:pt modelId="{0D7C3557-8EB5-4FAF-BFE9-E9111058D344}" type="pres">
      <dgm:prSet presAssocID="{103CB462-1700-4C77-8EB7-355D0018205B}" presName="sibTrans" presStyleCnt="0"/>
      <dgm:spPr/>
    </dgm:pt>
    <dgm:pt modelId="{CBEE43FF-B88B-44F1-8EF1-3084E7DBDCA8}" type="pres">
      <dgm:prSet presAssocID="{80B6FCEB-5736-4CFA-842D-5C36ABBD58C4}" presName="compNode" presStyleCnt="0"/>
      <dgm:spPr/>
    </dgm:pt>
    <dgm:pt modelId="{D6FB7373-487E-4926-91A5-486A15816DDD}" type="pres">
      <dgm:prSet presAssocID="{80B6FCEB-5736-4CFA-842D-5C36ABBD58C4}" presName="bgRect" presStyleLbl="bgShp" presStyleIdx="1" presStyleCnt="4"/>
      <dgm:spPr/>
    </dgm:pt>
    <dgm:pt modelId="{ADBC831A-2430-4257-AB47-252A7E3E8C8C}" type="pres">
      <dgm:prSet presAssocID="{80B6FCEB-5736-4CFA-842D-5C36ABBD58C4}" presName="iconRect" presStyleLbl="node1" presStyleIdx="1" presStyleCnt="4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rain in head"/>
        </a:ext>
      </dgm:extLst>
    </dgm:pt>
    <dgm:pt modelId="{9906194B-6C7C-41CB-8423-43F821D4A0D8}" type="pres">
      <dgm:prSet presAssocID="{80B6FCEB-5736-4CFA-842D-5C36ABBD58C4}" presName="spaceRect" presStyleCnt="0"/>
      <dgm:spPr/>
    </dgm:pt>
    <dgm:pt modelId="{53379D2A-FD04-464C-A414-0AB1D08882EC}" type="pres">
      <dgm:prSet presAssocID="{80B6FCEB-5736-4CFA-842D-5C36ABBD58C4}" presName="parTx" presStyleLbl="revTx" presStyleIdx="1" presStyleCnt="4">
        <dgm:presLayoutVars>
          <dgm:chMax val="0"/>
          <dgm:chPref val="0"/>
        </dgm:presLayoutVars>
      </dgm:prSet>
      <dgm:spPr/>
    </dgm:pt>
    <dgm:pt modelId="{73FFDABB-3B68-4D7D-86EB-DCCEF40DBF43}" type="pres">
      <dgm:prSet presAssocID="{8031C793-0D28-4D7C-A069-14AE5150E53B}" presName="sibTrans" presStyleCnt="0"/>
      <dgm:spPr/>
    </dgm:pt>
    <dgm:pt modelId="{08F0EA14-6A55-4C2A-A10B-ADFB7F79AB9B}" type="pres">
      <dgm:prSet presAssocID="{86C9E72A-2AB7-4651-B09C-EF307E28DEEF}" presName="compNode" presStyleCnt="0"/>
      <dgm:spPr/>
    </dgm:pt>
    <dgm:pt modelId="{C9FBBFFC-3554-4E4A-A0E1-6035DF2A3A8F}" type="pres">
      <dgm:prSet presAssocID="{86C9E72A-2AB7-4651-B09C-EF307E28DEEF}" presName="bgRect" presStyleLbl="bgShp" presStyleIdx="2" presStyleCnt="4"/>
      <dgm:spPr/>
    </dgm:pt>
    <dgm:pt modelId="{DD28133F-767B-4424-B18C-91FB9CDDE78B}" type="pres">
      <dgm:prSet presAssocID="{86C9E72A-2AB7-4651-B09C-EF307E28DEEF}" presName="iconRect" presStyleLbl="node1" presStyleIdx="2" presStyleCnt="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Open Book"/>
        </a:ext>
      </dgm:extLst>
    </dgm:pt>
    <dgm:pt modelId="{70167A4B-E2FD-4CFA-B71D-399C6CA37FB4}" type="pres">
      <dgm:prSet presAssocID="{86C9E72A-2AB7-4651-B09C-EF307E28DEEF}" presName="spaceRect" presStyleCnt="0"/>
      <dgm:spPr/>
    </dgm:pt>
    <dgm:pt modelId="{DDA42644-9238-47A7-B953-6A531B0B9C5A}" type="pres">
      <dgm:prSet presAssocID="{86C9E72A-2AB7-4651-B09C-EF307E28DEEF}" presName="parTx" presStyleLbl="revTx" presStyleIdx="2" presStyleCnt="4">
        <dgm:presLayoutVars>
          <dgm:chMax val="0"/>
          <dgm:chPref val="0"/>
        </dgm:presLayoutVars>
      </dgm:prSet>
      <dgm:spPr/>
    </dgm:pt>
    <dgm:pt modelId="{FE6A27F2-82D7-4E92-94D3-706BFAC8AD6B}" type="pres">
      <dgm:prSet presAssocID="{8A639723-4C76-48E4-95E3-A3B025E32907}" presName="sibTrans" presStyleCnt="0"/>
      <dgm:spPr/>
    </dgm:pt>
    <dgm:pt modelId="{8AC47F7E-A466-4A7E-8111-F9F00E3F9A64}" type="pres">
      <dgm:prSet presAssocID="{AC44F7BB-258C-43CE-86EF-B1A854F19B56}" presName="compNode" presStyleCnt="0"/>
      <dgm:spPr/>
    </dgm:pt>
    <dgm:pt modelId="{C6A593E8-5D42-4530-9BD5-C253DD03862C}" type="pres">
      <dgm:prSet presAssocID="{AC44F7BB-258C-43CE-86EF-B1A854F19B56}" presName="bgRect" presStyleLbl="bgShp" presStyleIdx="3" presStyleCnt="4"/>
      <dgm:spPr/>
    </dgm:pt>
    <dgm:pt modelId="{923191D8-0B7E-4B8C-B2FF-AC14C5AFD27E}" type="pres">
      <dgm:prSet presAssocID="{AC44F7BB-258C-43CE-86EF-B1A854F19B56}" presName="iconRect" presStyleLbl="node1" presStyleIdx="3" presStyleCnt="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Scales of Justice"/>
        </a:ext>
      </dgm:extLst>
    </dgm:pt>
    <dgm:pt modelId="{58F8F95C-8004-4368-85DC-D24D532765F8}" type="pres">
      <dgm:prSet presAssocID="{AC44F7BB-258C-43CE-86EF-B1A854F19B56}" presName="spaceRect" presStyleCnt="0"/>
      <dgm:spPr/>
    </dgm:pt>
    <dgm:pt modelId="{6D7F2E7B-089C-49F0-A2F1-EA9D61739F46}" type="pres">
      <dgm:prSet presAssocID="{AC44F7BB-258C-43CE-86EF-B1A854F19B56}" presName="parTx" presStyleLbl="revTx" presStyleIdx="3" presStyleCnt="4">
        <dgm:presLayoutVars>
          <dgm:chMax val="0"/>
          <dgm:chPref val="0"/>
        </dgm:presLayoutVars>
      </dgm:prSet>
      <dgm:spPr/>
    </dgm:pt>
  </dgm:ptLst>
  <dgm:cxnLst>
    <dgm:cxn modelId="{58C6F341-9402-48D7-912F-48A358B9AC5C}" srcId="{F8AE8E53-5DBE-453D-9E07-E62100E35408}" destId="{86C9E72A-2AB7-4651-B09C-EF307E28DEEF}" srcOrd="2" destOrd="0" parTransId="{61876137-A0C0-494D-90F9-392166FD479D}" sibTransId="{8A639723-4C76-48E4-95E3-A3B025E32907}"/>
    <dgm:cxn modelId="{AEAA6264-B5E8-478F-8F29-29242DEA9045}" type="presOf" srcId="{80B6FCEB-5736-4CFA-842D-5C36ABBD58C4}" destId="{53379D2A-FD04-464C-A414-0AB1D08882EC}" srcOrd="0" destOrd="0" presId="urn:microsoft.com/office/officeart/2018/2/layout/IconVerticalSolidList"/>
    <dgm:cxn modelId="{153CAA4C-EA55-437D-B002-A42A66FEC96C}" srcId="{F8AE8E53-5DBE-453D-9E07-E62100E35408}" destId="{80B6FCEB-5736-4CFA-842D-5C36ABBD58C4}" srcOrd="1" destOrd="0" parTransId="{4EEEAD15-7D6D-40FD-83FA-C379C2EC9130}" sibTransId="{8031C793-0D28-4D7C-A069-14AE5150E53B}"/>
    <dgm:cxn modelId="{A49FE653-4645-45C7-B006-42455647BBEA}" type="presOf" srcId="{F96F1068-FEB6-486B-BAE3-B0F4909E8462}" destId="{893E73E9-4A1C-4342-8C08-DA6A275F2435}" srcOrd="0" destOrd="0" presId="urn:microsoft.com/office/officeart/2018/2/layout/IconVerticalSolidList"/>
    <dgm:cxn modelId="{1A74A8A1-0F0A-4B9F-BF91-B0AF2494C645}" type="presOf" srcId="{F8AE8E53-5DBE-453D-9E07-E62100E35408}" destId="{675BD842-B773-4CEA-A57E-FCBF8136604B}" srcOrd="0" destOrd="0" presId="urn:microsoft.com/office/officeart/2018/2/layout/IconVerticalSolidList"/>
    <dgm:cxn modelId="{105102B7-A2C6-4CAE-9667-33096713EC88}" type="presOf" srcId="{AC44F7BB-258C-43CE-86EF-B1A854F19B56}" destId="{6D7F2E7B-089C-49F0-A2F1-EA9D61739F46}" srcOrd="0" destOrd="0" presId="urn:microsoft.com/office/officeart/2018/2/layout/IconVerticalSolidList"/>
    <dgm:cxn modelId="{70EF8CD9-AB71-4065-950F-0D201B0FF95F}" srcId="{F8AE8E53-5DBE-453D-9E07-E62100E35408}" destId="{F96F1068-FEB6-486B-BAE3-B0F4909E8462}" srcOrd="0" destOrd="0" parTransId="{BEEE836F-5490-4547-ABD3-565327A77770}" sibTransId="{103CB462-1700-4C77-8EB7-355D0018205B}"/>
    <dgm:cxn modelId="{9E3ABBE5-8D2E-4CDD-A6B1-421B9ACEE23A}" srcId="{F8AE8E53-5DBE-453D-9E07-E62100E35408}" destId="{AC44F7BB-258C-43CE-86EF-B1A854F19B56}" srcOrd="3" destOrd="0" parTransId="{DEDC349A-9EF3-4164-B7F4-20D47D0F5879}" sibTransId="{662741BD-C836-4D19-A83C-1789CC3874ED}"/>
    <dgm:cxn modelId="{0432FDFB-08B6-4433-8172-C60F05136987}" type="presOf" srcId="{86C9E72A-2AB7-4651-B09C-EF307E28DEEF}" destId="{DDA42644-9238-47A7-B953-6A531B0B9C5A}" srcOrd="0" destOrd="0" presId="urn:microsoft.com/office/officeart/2018/2/layout/IconVerticalSolidList"/>
    <dgm:cxn modelId="{910D9DB6-24CC-43C4-B288-77A18A35E4B7}" type="presParOf" srcId="{675BD842-B773-4CEA-A57E-FCBF8136604B}" destId="{87A91E5F-4C29-4710-9B1F-42B88F6C7C86}" srcOrd="0" destOrd="0" presId="urn:microsoft.com/office/officeart/2018/2/layout/IconVerticalSolidList"/>
    <dgm:cxn modelId="{6CFF4987-ECF7-4215-A21C-BFB51A237CD3}" type="presParOf" srcId="{87A91E5F-4C29-4710-9B1F-42B88F6C7C86}" destId="{ABC2A8CF-F6DF-4D3F-A8F7-1124C87D33AB}" srcOrd="0" destOrd="0" presId="urn:microsoft.com/office/officeart/2018/2/layout/IconVerticalSolidList"/>
    <dgm:cxn modelId="{758652D6-1D19-4A48-BD9A-653ACC12F117}" type="presParOf" srcId="{87A91E5F-4C29-4710-9B1F-42B88F6C7C86}" destId="{7FB1C4FD-6330-434B-9ECC-4C47D947FF2F}" srcOrd="1" destOrd="0" presId="urn:microsoft.com/office/officeart/2018/2/layout/IconVerticalSolidList"/>
    <dgm:cxn modelId="{25A5D8DC-DE67-4D1C-8C09-1CEDF4D8EF3C}" type="presParOf" srcId="{87A91E5F-4C29-4710-9B1F-42B88F6C7C86}" destId="{A59D0AB3-EFC7-41D8-AE7F-95264926391D}" srcOrd="2" destOrd="0" presId="urn:microsoft.com/office/officeart/2018/2/layout/IconVerticalSolidList"/>
    <dgm:cxn modelId="{6A1D0CE9-BFCE-4BFD-974F-D3C171AB7B00}" type="presParOf" srcId="{87A91E5F-4C29-4710-9B1F-42B88F6C7C86}" destId="{893E73E9-4A1C-4342-8C08-DA6A275F2435}" srcOrd="3" destOrd="0" presId="urn:microsoft.com/office/officeart/2018/2/layout/IconVerticalSolidList"/>
    <dgm:cxn modelId="{F67AC39B-88C0-4FE5-91BE-921BD12ED826}" type="presParOf" srcId="{675BD842-B773-4CEA-A57E-FCBF8136604B}" destId="{0D7C3557-8EB5-4FAF-BFE9-E9111058D344}" srcOrd="1" destOrd="0" presId="urn:microsoft.com/office/officeart/2018/2/layout/IconVerticalSolidList"/>
    <dgm:cxn modelId="{86516396-BA43-45FB-B209-6DAF48DE3532}" type="presParOf" srcId="{675BD842-B773-4CEA-A57E-FCBF8136604B}" destId="{CBEE43FF-B88B-44F1-8EF1-3084E7DBDCA8}" srcOrd="2" destOrd="0" presId="urn:microsoft.com/office/officeart/2018/2/layout/IconVerticalSolidList"/>
    <dgm:cxn modelId="{4C155E94-1311-4F91-A34D-E48119FCFF77}" type="presParOf" srcId="{CBEE43FF-B88B-44F1-8EF1-3084E7DBDCA8}" destId="{D6FB7373-487E-4926-91A5-486A15816DDD}" srcOrd="0" destOrd="0" presId="urn:microsoft.com/office/officeart/2018/2/layout/IconVerticalSolidList"/>
    <dgm:cxn modelId="{E742C1CE-443F-408E-AC48-6EFD1ECE1588}" type="presParOf" srcId="{CBEE43FF-B88B-44F1-8EF1-3084E7DBDCA8}" destId="{ADBC831A-2430-4257-AB47-252A7E3E8C8C}" srcOrd="1" destOrd="0" presId="urn:microsoft.com/office/officeart/2018/2/layout/IconVerticalSolidList"/>
    <dgm:cxn modelId="{1428FCA1-54A2-4A57-A390-6CBB7ED51068}" type="presParOf" srcId="{CBEE43FF-B88B-44F1-8EF1-3084E7DBDCA8}" destId="{9906194B-6C7C-41CB-8423-43F821D4A0D8}" srcOrd="2" destOrd="0" presId="urn:microsoft.com/office/officeart/2018/2/layout/IconVerticalSolidList"/>
    <dgm:cxn modelId="{57FD153A-2CDF-4E9C-A907-673F41C3B7B9}" type="presParOf" srcId="{CBEE43FF-B88B-44F1-8EF1-3084E7DBDCA8}" destId="{53379D2A-FD04-464C-A414-0AB1D08882EC}" srcOrd="3" destOrd="0" presId="urn:microsoft.com/office/officeart/2018/2/layout/IconVerticalSolidList"/>
    <dgm:cxn modelId="{F30F0ADF-337B-4AB3-B953-B8698B07145C}" type="presParOf" srcId="{675BD842-B773-4CEA-A57E-FCBF8136604B}" destId="{73FFDABB-3B68-4D7D-86EB-DCCEF40DBF43}" srcOrd="3" destOrd="0" presId="urn:microsoft.com/office/officeart/2018/2/layout/IconVerticalSolidList"/>
    <dgm:cxn modelId="{E3F73403-C41C-49F2-8B75-23ED33BE7097}" type="presParOf" srcId="{675BD842-B773-4CEA-A57E-FCBF8136604B}" destId="{08F0EA14-6A55-4C2A-A10B-ADFB7F79AB9B}" srcOrd="4" destOrd="0" presId="urn:microsoft.com/office/officeart/2018/2/layout/IconVerticalSolidList"/>
    <dgm:cxn modelId="{E60FAE47-398F-41CC-8479-5EE5A0987319}" type="presParOf" srcId="{08F0EA14-6A55-4C2A-A10B-ADFB7F79AB9B}" destId="{C9FBBFFC-3554-4E4A-A0E1-6035DF2A3A8F}" srcOrd="0" destOrd="0" presId="urn:microsoft.com/office/officeart/2018/2/layout/IconVerticalSolidList"/>
    <dgm:cxn modelId="{55D15DAC-67C4-40B7-B831-A35B4A87D38C}" type="presParOf" srcId="{08F0EA14-6A55-4C2A-A10B-ADFB7F79AB9B}" destId="{DD28133F-767B-4424-B18C-91FB9CDDE78B}" srcOrd="1" destOrd="0" presId="urn:microsoft.com/office/officeart/2018/2/layout/IconVerticalSolidList"/>
    <dgm:cxn modelId="{3504AC35-267A-4FEA-AEC1-C9014E74BB60}" type="presParOf" srcId="{08F0EA14-6A55-4C2A-A10B-ADFB7F79AB9B}" destId="{70167A4B-E2FD-4CFA-B71D-399C6CA37FB4}" srcOrd="2" destOrd="0" presId="urn:microsoft.com/office/officeart/2018/2/layout/IconVerticalSolidList"/>
    <dgm:cxn modelId="{B30FFA4D-F4F3-4BD0-B406-BB704242F416}" type="presParOf" srcId="{08F0EA14-6A55-4C2A-A10B-ADFB7F79AB9B}" destId="{DDA42644-9238-47A7-B953-6A531B0B9C5A}" srcOrd="3" destOrd="0" presId="urn:microsoft.com/office/officeart/2018/2/layout/IconVerticalSolidList"/>
    <dgm:cxn modelId="{62977456-0771-4748-85F8-9B1F35F1B169}" type="presParOf" srcId="{675BD842-B773-4CEA-A57E-FCBF8136604B}" destId="{FE6A27F2-82D7-4E92-94D3-706BFAC8AD6B}" srcOrd="5" destOrd="0" presId="urn:microsoft.com/office/officeart/2018/2/layout/IconVerticalSolidList"/>
    <dgm:cxn modelId="{EE7C5E03-49B4-418D-A81D-1FE5BE3D6FC7}" type="presParOf" srcId="{675BD842-B773-4CEA-A57E-FCBF8136604B}" destId="{8AC47F7E-A466-4A7E-8111-F9F00E3F9A64}" srcOrd="6" destOrd="0" presId="urn:microsoft.com/office/officeart/2018/2/layout/IconVerticalSolidList"/>
    <dgm:cxn modelId="{8CC2D65C-BFBC-406E-9ADB-DFD3CF6A3B23}" type="presParOf" srcId="{8AC47F7E-A466-4A7E-8111-F9F00E3F9A64}" destId="{C6A593E8-5D42-4530-9BD5-C253DD03862C}" srcOrd="0" destOrd="0" presId="urn:microsoft.com/office/officeart/2018/2/layout/IconVerticalSolidList"/>
    <dgm:cxn modelId="{3C4A0BA1-3683-4177-8AD4-02AE98935EAF}" type="presParOf" srcId="{8AC47F7E-A466-4A7E-8111-F9F00E3F9A64}" destId="{923191D8-0B7E-4B8C-B2FF-AC14C5AFD27E}" srcOrd="1" destOrd="0" presId="urn:microsoft.com/office/officeart/2018/2/layout/IconVerticalSolidList"/>
    <dgm:cxn modelId="{59178FE9-1D63-479D-9C12-19DB0E6A3BAE}" type="presParOf" srcId="{8AC47F7E-A466-4A7E-8111-F9F00E3F9A64}" destId="{58F8F95C-8004-4368-85DC-D24D532765F8}" srcOrd="2" destOrd="0" presId="urn:microsoft.com/office/officeart/2018/2/layout/IconVerticalSolidList"/>
    <dgm:cxn modelId="{9F0BA1A1-8F3E-4A36-88B7-6C549DAACB25}" type="presParOf" srcId="{8AC47F7E-A466-4A7E-8111-F9F00E3F9A64}" destId="{6D7F2E7B-089C-49F0-A2F1-EA9D61739F46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3A6DD35-1DF0-4A81-A4CE-7F991D235CAA}" type="doc">
      <dgm:prSet loTypeId="urn:microsoft.com/office/officeart/2018/2/layout/IconLabelDescriptionList" loCatId="icon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35D50D7D-2435-4A8A-9CF4-16DF5EFE648E}">
      <dgm:prSet/>
      <dgm:spPr/>
      <dgm:t>
        <a:bodyPr/>
        <a:lstStyle/>
        <a:p>
          <a:pPr>
            <a:defRPr b="1"/>
          </a:pPr>
          <a:r>
            <a:rPr lang="en-IN"/>
            <a:t>How do we characterize easy and difficult legal text?</a:t>
          </a:r>
          <a:endParaRPr lang="en-US"/>
        </a:p>
      </dgm:t>
    </dgm:pt>
    <dgm:pt modelId="{36B2AC97-BB3F-40AE-BA3A-521570FFA91F}" type="parTrans" cxnId="{BD05CD04-752A-4CE0-A06D-739D2DADFA6E}">
      <dgm:prSet/>
      <dgm:spPr/>
      <dgm:t>
        <a:bodyPr/>
        <a:lstStyle/>
        <a:p>
          <a:endParaRPr lang="en-US"/>
        </a:p>
      </dgm:t>
    </dgm:pt>
    <dgm:pt modelId="{F1E02891-CD96-4144-9B7E-1BD937570E03}" type="sibTrans" cxnId="{BD05CD04-752A-4CE0-A06D-739D2DADFA6E}">
      <dgm:prSet/>
      <dgm:spPr/>
      <dgm:t>
        <a:bodyPr/>
        <a:lstStyle/>
        <a:p>
          <a:endParaRPr lang="en-US"/>
        </a:p>
      </dgm:t>
    </dgm:pt>
    <dgm:pt modelId="{2497AADD-F001-4E99-929A-5E056C78F7EA}">
      <dgm:prSet/>
      <dgm:spPr/>
      <dgm:t>
        <a:bodyPr/>
        <a:lstStyle/>
        <a:p>
          <a:r>
            <a:rPr lang="en-IN"/>
            <a:t>How can we find and automatically align easy legal text with laws in their original form to create a parallel aligned corpus?</a:t>
          </a:r>
          <a:endParaRPr lang="en-US"/>
        </a:p>
      </dgm:t>
    </dgm:pt>
    <dgm:pt modelId="{BD1FEB34-B4CA-49A2-8169-58385B116A49}" type="parTrans" cxnId="{BCF925A6-7A15-41EC-9AD8-C99274C29433}">
      <dgm:prSet/>
      <dgm:spPr/>
      <dgm:t>
        <a:bodyPr/>
        <a:lstStyle/>
        <a:p>
          <a:endParaRPr lang="en-US"/>
        </a:p>
      </dgm:t>
    </dgm:pt>
    <dgm:pt modelId="{DC567265-2DF6-43B1-9B14-ABFB1D89CB78}" type="sibTrans" cxnId="{BCF925A6-7A15-41EC-9AD8-C99274C29433}">
      <dgm:prSet/>
      <dgm:spPr/>
      <dgm:t>
        <a:bodyPr/>
        <a:lstStyle/>
        <a:p>
          <a:endParaRPr lang="en-US"/>
        </a:p>
      </dgm:t>
    </dgm:pt>
    <dgm:pt modelId="{22387184-AC07-4B00-B862-441B7AAFDB4F}">
      <dgm:prSet/>
      <dgm:spPr/>
      <dgm:t>
        <a:bodyPr/>
        <a:lstStyle/>
        <a:p>
          <a:r>
            <a:rPr lang="en-IN"/>
            <a:t>How can we use this corpus to understand the features of easy and hard to read legal text?</a:t>
          </a:r>
          <a:endParaRPr lang="en-US"/>
        </a:p>
      </dgm:t>
    </dgm:pt>
    <dgm:pt modelId="{ACFC13C7-880F-4DDB-8864-F2F7B89D166A}" type="parTrans" cxnId="{F28B36EA-0688-4B48-BFA7-D86F7ECDA292}">
      <dgm:prSet/>
      <dgm:spPr/>
      <dgm:t>
        <a:bodyPr/>
        <a:lstStyle/>
        <a:p>
          <a:endParaRPr lang="en-US"/>
        </a:p>
      </dgm:t>
    </dgm:pt>
    <dgm:pt modelId="{114CD6AC-6D8D-426C-8041-37F222B89ED0}" type="sibTrans" cxnId="{F28B36EA-0688-4B48-BFA7-D86F7ECDA292}">
      <dgm:prSet/>
      <dgm:spPr/>
      <dgm:t>
        <a:bodyPr/>
        <a:lstStyle/>
        <a:p>
          <a:endParaRPr lang="en-US"/>
        </a:p>
      </dgm:t>
    </dgm:pt>
    <dgm:pt modelId="{0E233BEC-0ABA-4347-939E-5FC365B35D45}">
      <dgm:prSet/>
      <dgm:spPr/>
      <dgm:t>
        <a:bodyPr/>
        <a:lstStyle/>
        <a:p>
          <a:pPr>
            <a:defRPr b="1"/>
          </a:pPr>
          <a:r>
            <a:rPr lang="en-IN"/>
            <a:t>How do the state-of-the-art simplification models perform on legal data?</a:t>
          </a:r>
          <a:endParaRPr lang="en-US"/>
        </a:p>
      </dgm:t>
    </dgm:pt>
    <dgm:pt modelId="{56F32445-5900-4DA3-8A97-8F119A3B5DC0}" type="parTrans" cxnId="{F16FA352-8619-4496-832D-49FFF39EE3AF}">
      <dgm:prSet/>
      <dgm:spPr/>
      <dgm:t>
        <a:bodyPr/>
        <a:lstStyle/>
        <a:p>
          <a:endParaRPr lang="en-US"/>
        </a:p>
      </dgm:t>
    </dgm:pt>
    <dgm:pt modelId="{1982A3B7-F259-4A85-81C3-393B65CF9F10}" type="sibTrans" cxnId="{F16FA352-8619-4496-832D-49FFF39EE3AF}">
      <dgm:prSet/>
      <dgm:spPr/>
      <dgm:t>
        <a:bodyPr/>
        <a:lstStyle/>
        <a:p>
          <a:endParaRPr lang="en-US"/>
        </a:p>
      </dgm:t>
    </dgm:pt>
    <dgm:pt modelId="{E8F2902C-C1D3-4DC9-AD6E-456B8B62F273}" type="pres">
      <dgm:prSet presAssocID="{E3A6DD35-1DF0-4A81-A4CE-7F991D235CAA}" presName="root" presStyleCnt="0">
        <dgm:presLayoutVars>
          <dgm:dir/>
          <dgm:resizeHandles val="exact"/>
        </dgm:presLayoutVars>
      </dgm:prSet>
      <dgm:spPr/>
    </dgm:pt>
    <dgm:pt modelId="{82723361-579F-408C-87F7-A453C7C14E67}" type="pres">
      <dgm:prSet presAssocID="{35D50D7D-2435-4A8A-9CF4-16DF5EFE648E}" presName="compNode" presStyleCnt="0"/>
      <dgm:spPr/>
    </dgm:pt>
    <dgm:pt modelId="{91F7B5CD-EBE4-4504-A773-0306A05ED08A}" type="pres">
      <dgm:prSet presAssocID="{35D50D7D-2435-4A8A-9CF4-16DF5EFE648E}" presName="iconRect" presStyleLbl="node1" presStyleIdx="0" presStyleCnt="2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Quotes"/>
        </a:ext>
      </dgm:extLst>
    </dgm:pt>
    <dgm:pt modelId="{013B0703-5414-461C-870E-BD7FB1002AB4}" type="pres">
      <dgm:prSet presAssocID="{35D50D7D-2435-4A8A-9CF4-16DF5EFE648E}" presName="iconSpace" presStyleCnt="0"/>
      <dgm:spPr/>
    </dgm:pt>
    <dgm:pt modelId="{3B350A59-AC20-43B4-8813-8BBA9E83359F}" type="pres">
      <dgm:prSet presAssocID="{35D50D7D-2435-4A8A-9CF4-16DF5EFE648E}" presName="parTx" presStyleLbl="revTx" presStyleIdx="0" presStyleCnt="4">
        <dgm:presLayoutVars>
          <dgm:chMax val="0"/>
          <dgm:chPref val="0"/>
        </dgm:presLayoutVars>
      </dgm:prSet>
      <dgm:spPr/>
    </dgm:pt>
    <dgm:pt modelId="{3D575E63-3DD5-44A7-957C-8D6793AC54C0}" type="pres">
      <dgm:prSet presAssocID="{35D50D7D-2435-4A8A-9CF4-16DF5EFE648E}" presName="txSpace" presStyleCnt="0"/>
      <dgm:spPr/>
    </dgm:pt>
    <dgm:pt modelId="{C15225E7-EC19-4B65-BA17-48EE9C052B3C}" type="pres">
      <dgm:prSet presAssocID="{35D50D7D-2435-4A8A-9CF4-16DF5EFE648E}" presName="desTx" presStyleLbl="revTx" presStyleIdx="1" presStyleCnt="4">
        <dgm:presLayoutVars/>
      </dgm:prSet>
      <dgm:spPr/>
    </dgm:pt>
    <dgm:pt modelId="{DBC0A92C-A033-4806-BA93-6BA137735BC2}" type="pres">
      <dgm:prSet presAssocID="{F1E02891-CD96-4144-9B7E-1BD937570E03}" presName="sibTrans" presStyleCnt="0"/>
      <dgm:spPr/>
    </dgm:pt>
    <dgm:pt modelId="{47112D08-AE81-415B-B09E-CDBE25224486}" type="pres">
      <dgm:prSet presAssocID="{0E233BEC-0ABA-4347-939E-5FC365B35D45}" presName="compNode" presStyleCnt="0"/>
      <dgm:spPr/>
    </dgm:pt>
    <dgm:pt modelId="{BFDBC479-F6A1-431D-B04B-D586DA59143A}" type="pres">
      <dgm:prSet presAssocID="{0E233BEC-0ABA-4347-939E-5FC365B35D45}" presName="iconRect" presStyleLbl="node1" presStyleIdx="1" presStyleCnt="2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ank"/>
        </a:ext>
      </dgm:extLst>
    </dgm:pt>
    <dgm:pt modelId="{5276CA65-DB3A-4520-9460-52392E3C4862}" type="pres">
      <dgm:prSet presAssocID="{0E233BEC-0ABA-4347-939E-5FC365B35D45}" presName="iconSpace" presStyleCnt="0"/>
      <dgm:spPr/>
    </dgm:pt>
    <dgm:pt modelId="{F35919A8-0FEC-4D3F-830D-33E0B6EEE678}" type="pres">
      <dgm:prSet presAssocID="{0E233BEC-0ABA-4347-939E-5FC365B35D45}" presName="parTx" presStyleLbl="revTx" presStyleIdx="2" presStyleCnt="4">
        <dgm:presLayoutVars>
          <dgm:chMax val="0"/>
          <dgm:chPref val="0"/>
        </dgm:presLayoutVars>
      </dgm:prSet>
      <dgm:spPr/>
    </dgm:pt>
    <dgm:pt modelId="{71BB0C06-6613-459F-BE1F-097D890AF8A0}" type="pres">
      <dgm:prSet presAssocID="{0E233BEC-0ABA-4347-939E-5FC365B35D45}" presName="txSpace" presStyleCnt="0"/>
      <dgm:spPr/>
    </dgm:pt>
    <dgm:pt modelId="{FCD93548-49BD-4C43-8916-6EA924EC3DE5}" type="pres">
      <dgm:prSet presAssocID="{0E233BEC-0ABA-4347-939E-5FC365B35D45}" presName="desTx" presStyleLbl="revTx" presStyleIdx="3" presStyleCnt="4">
        <dgm:presLayoutVars/>
      </dgm:prSet>
      <dgm:spPr/>
    </dgm:pt>
  </dgm:ptLst>
  <dgm:cxnLst>
    <dgm:cxn modelId="{BD05CD04-752A-4CE0-A06D-739D2DADFA6E}" srcId="{E3A6DD35-1DF0-4A81-A4CE-7F991D235CAA}" destId="{35D50D7D-2435-4A8A-9CF4-16DF5EFE648E}" srcOrd="0" destOrd="0" parTransId="{36B2AC97-BB3F-40AE-BA3A-521570FFA91F}" sibTransId="{F1E02891-CD96-4144-9B7E-1BD937570E03}"/>
    <dgm:cxn modelId="{7DBD0D0B-ACE1-41E5-8896-E5BBDE1DB891}" type="presOf" srcId="{35D50D7D-2435-4A8A-9CF4-16DF5EFE648E}" destId="{3B350A59-AC20-43B4-8813-8BBA9E83359F}" srcOrd="0" destOrd="0" presId="urn:microsoft.com/office/officeart/2018/2/layout/IconLabelDescriptionList"/>
    <dgm:cxn modelId="{AE59F936-E821-40A8-85E5-6AA5027B24AD}" type="presOf" srcId="{22387184-AC07-4B00-B862-441B7AAFDB4F}" destId="{C15225E7-EC19-4B65-BA17-48EE9C052B3C}" srcOrd="0" destOrd="1" presId="urn:microsoft.com/office/officeart/2018/2/layout/IconLabelDescriptionList"/>
    <dgm:cxn modelId="{94E1CC69-9322-402A-901F-D669E1D27DBC}" type="presOf" srcId="{2497AADD-F001-4E99-929A-5E056C78F7EA}" destId="{C15225E7-EC19-4B65-BA17-48EE9C052B3C}" srcOrd="0" destOrd="0" presId="urn:microsoft.com/office/officeart/2018/2/layout/IconLabelDescriptionList"/>
    <dgm:cxn modelId="{F16FA352-8619-4496-832D-49FFF39EE3AF}" srcId="{E3A6DD35-1DF0-4A81-A4CE-7F991D235CAA}" destId="{0E233BEC-0ABA-4347-939E-5FC365B35D45}" srcOrd="1" destOrd="0" parTransId="{56F32445-5900-4DA3-8A97-8F119A3B5DC0}" sibTransId="{1982A3B7-F259-4A85-81C3-393B65CF9F10}"/>
    <dgm:cxn modelId="{402AFF8E-ED74-4377-88B1-DC1F27E86EC1}" type="presOf" srcId="{0E233BEC-0ABA-4347-939E-5FC365B35D45}" destId="{F35919A8-0FEC-4D3F-830D-33E0B6EEE678}" srcOrd="0" destOrd="0" presId="urn:microsoft.com/office/officeart/2018/2/layout/IconLabelDescriptionList"/>
    <dgm:cxn modelId="{BCF925A6-7A15-41EC-9AD8-C99274C29433}" srcId="{35D50D7D-2435-4A8A-9CF4-16DF5EFE648E}" destId="{2497AADD-F001-4E99-929A-5E056C78F7EA}" srcOrd="0" destOrd="0" parTransId="{BD1FEB34-B4CA-49A2-8169-58385B116A49}" sibTransId="{DC567265-2DF6-43B1-9B14-ABFB1D89CB78}"/>
    <dgm:cxn modelId="{3E773CA8-6C0F-496B-9AEF-1BEBAE7EDC7E}" type="presOf" srcId="{E3A6DD35-1DF0-4A81-A4CE-7F991D235CAA}" destId="{E8F2902C-C1D3-4DC9-AD6E-456B8B62F273}" srcOrd="0" destOrd="0" presId="urn:microsoft.com/office/officeart/2018/2/layout/IconLabelDescriptionList"/>
    <dgm:cxn modelId="{F28B36EA-0688-4B48-BFA7-D86F7ECDA292}" srcId="{35D50D7D-2435-4A8A-9CF4-16DF5EFE648E}" destId="{22387184-AC07-4B00-B862-441B7AAFDB4F}" srcOrd="1" destOrd="0" parTransId="{ACFC13C7-880F-4DDB-8864-F2F7B89D166A}" sibTransId="{114CD6AC-6D8D-426C-8041-37F222B89ED0}"/>
    <dgm:cxn modelId="{DB3ABD06-72AA-4522-A1D4-B080718E4C78}" type="presParOf" srcId="{E8F2902C-C1D3-4DC9-AD6E-456B8B62F273}" destId="{82723361-579F-408C-87F7-A453C7C14E67}" srcOrd="0" destOrd="0" presId="urn:microsoft.com/office/officeart/2018/2/layout/IconLabelDescriptionList"/>
    <dgm:cxn modelId="{E5709303-F300-49AF-A8B3-2001B9EB732D}" type="presParOf" srcId="{82723361-579F-408C-87F7-A453C7C14E67}" destId="{91F7B5CD-EBE4-4504-A773-0306A05ED08A}" srcOrd="0" destOrd="0" presId="urn:microsoft.com/office/officeart/2018/2/layout/IconLabelDescriptionList"/>
    <dgm:cxn modelId="{EFC2497A-67C2-4AB8-8E88-F840A2CCA7CE}" type="presParOf" srcId="{82723361-579F-408C-87F7-A453C7C14E67}" destId="{013B0703-5414-461C-870E-BD7FB1002AB4}" srcOrd="1" destOrd="0" presId="urn:microsoft.com/office/officeart/2018/2/layout/IconLabelDescriptionList"/>
    <dgm:cxn modelId="{642FF799-8152-4FA6-A3EE-B4AE32890D5B}" type="presParOf" srcId="{82723361-579F-408C-87F7-A453C7C14E67}" destId="{3B350A59-AC20-43B4-8813-8BBA9E83359F}" srcOrd="2" destOrd="0" presId="urn:microsoft.com/office/officeart/2018/2/layout/IconLabelDescriptionList"/>
    <dgm:cxn modelId="{A4C61802-E392-4600-883E-65679F4090DC}" type="presParOf" srcId="{82723361-579F-408C-87F7-A453C7C14E67}" destId="{3D575E63-3DD5-44A7-957C-8D6793AC54C0}" srcOrd="3" destOrd="0" presId="urn:microsoft.com/office/officeart/2018/2/layout/IconLabelDescriptionList"/>
    <dgm:cxn modelId="{C7BF2901-35E3-4568-AB21-17D0E95E1747}" type="presParOf" srcId="{82723361-579F-408C-87F7-A453C7C14E67}" destId="{C15225E7-EC19-4B65-BA17-48EE9C052B3C}" srcOrd="4" destOrd="0" presId="urn:microsoft.com/office/officeart/2018/2/layout/IconLabelDescriptionList"/>
    <dgm:cxn modelId="{CB0118CB-1669-47EC-8E55-25B69CE33707}" type="presParOf" srcId="{E8F2902C-C1D3-4DC9-AD6E-456B8B62F273}" destId="{DBC0A92C-A033-4806-BA93-6BA137735BC2}" srcOrd="1" destOrd="0" presId="urn:microsoft.com/office/officeart/2018/2/layout/IconLabelDescriptionList"/>
    <dgm:cxn modelId="{EAB83857-976E-4A87-9E49-FEF886BCA655}" type="presParOf" srcId="{E8F2902C-C1D3-4DC9-AD6E-456B8B62F273}" destId="{47112D08-AE81-415B-B09E-CDBE25224486}" srcOrd="2" destOrd="0" presId="urn:microsoft.com/office/officeart/2018/2/layout/IconLabelDescriptionList"/>
    <dgm:cxn modelId="{6768754E-324D-41B2-B90A-78157B4BA6A3}" type="presParOf" srcId="{47112D08-AE81-415B-B09E-CDBE25224486}" destId="{BFDBC479-F6A1-431D-B04B-D586DA59143A}" srcOrd="0" destOrd="0" presId="urn:microsoft.com/office/officeart/2018/2/layout/IconLabelDescriptionList"/>
    <dgm:cxn modelId="{E61156EC-37AF-4912-BEF6-C56C5CEC7B03}" type="presParOf" srcId="{47112D08-AE81-415B-B09E-CDBE25224486}" destId="{5276CA65-DB3A-4520-9460-52392E3C4862}" srcOrd="1" destOrd="0" presId="urn:microsoft.com/office/officeart/2018/2/layout/IconLabelDescriptionList"/>
    <dgm:cxn modelId="{0A0498AF-5E74-42FF-B7CE-3BB0B9F6C7B1}" type="presParOf" srcId="{47112D08-AE81-415B-B09E-CDBE25224486}" destId="{F35919A8-0FEC-4D3F-830D-33E0B6EEE678}" srcOrd="2" destOrd="0" presId="urn:microsoft.com/office/officeart/2018/2/layout/IconLabelDescriptionList"/>
    <dgm:cxn modelId="{98CCBBA0-6B1F-4E22-BF42-830A128E55DC}" type="presParOf" srcId="{47112D08-AE81-415B-B09E-CDBE25224486}" destId="{71BB0C06-6613-459F-BE1F-097D890AF8A0}" srcOrd="3" destOrd="0" presId="urn:microsoft.com/office/officeart/2018/2/layout/IconLabelDescriptionList"/>
    <dgm:cxn modelId="{2061FA26-B4C9-4F69-A680-2E6EAB147676}" type="presParOf" srcId="{47112D08-AE81-415B-B09E-CDBE25224486}" destId="{FCD93548-49BD-4C43-8916-6EA924EC3DE5}" srcOrd="4" destOrd="0" presId="urn:microsoft.com/office/officeart/2018/2/layout/IconLabelDescription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D9D779FD-C5EE-4C54-8DE2-989969FF4BCF}" type="doc">
      <dgm:prSet loTypeId="urn:microsoft.com/office/officeart/2008/layout/LinedLis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FA24B6D-9E02-42D7-BFBD-30ADFBCED21B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Find</a:t>
          </a:r>
        </a:p>
      </dgm:t>
    </dgm:pt>
    <dgm:pt modelId="{C382368B-1246-40A2-B631-8C6A22703501}" type="parTrans" cxnId="{813AD298-9C87-42E7-AE42-F8662B2A3D08}">
      <dgm:prSet/>
      <dgm:spPr/>
      <dgm:t>
        <a:bodyPr/>
        <a:lstStyle/>
        <a:p>
          <a:endParaRPr lang="en-US"/>
        </a:p>
      </dgm:t>
    </dgm:pt>
    <dgm:pt modelId="{05DA3A18-CAD2-4552-B480-9DBE256E3071}" type="sibTrans" cxnId="{813AD298-9C87-42E7-AE42-F8662B2A3D08}">
      <dgm:prSet/>
      <dgm:spPr/>
      <dgm:t>
        <a:bodyPr/>
        <a:lstStyle/>
        <a:p>
          <a:endParaRPr lang="en-US"/>
        </a:p>
      </dgm:t>
    </dgm:pt>
    <dgm:pt modelId="{A4DC48F9-A736-41BD-9BB6-1F9F9376535B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Find easily readable legal text and standard legal counterpart</a:t>
          </a:r>
        </a:p>
      </dgm:t>
    </dgm:pt>
    <dgm:pt modelId="{7531C8AF-D659-4BFE-99A5-046ACD0520D2}" type="parTrans" cxnId="{131AD097-8DB2-47A2-BF84-557DF15A3C09}">
      <dgm:prSet/>
      <dgm:spPr/>
      <dgm:t>
        <a:bodyPr/>
        <a:lstStyle/>
        <a:p>
          <a:endParaRPr lang="en-US"/>
        </a:p>
      </dgm:t>
    </dgm:pt>
    <dgm:pt modelId="{1F6FB40B-C627-4506-B7FC-FAA12533C5E3}" type="sibTrans" cxnId="{131AD097-8DB2-47A2-BF84-557DF15A3C09}">
      <dgm:prSet/>
      <dgm:spPr/>
      <dgm:t>
        <a:bodyPr/>
        <a:lstStyle/>
        <a:p>
          <a:endParaRPr lang="en-US"/>
        </a:p>
      </dgm:t>
    </dgm:pt>
    <dgm:pt modelId="{D9387038-35C9-40F9-875D-612262F184C1}">
      <dgm:prSet/>
      <dgm:spPr/>
      <dgm:t>
        <a:bodyPr/>
        <a:lstStyle/>
        <a:p>
          <a:pPr>
            <a:lnSpc>
              <a:spcPct val="100000"/>
            </a:lnSpc>
          </a:pPr>
          <a:r>
            <a:rPr lang="en-US"/>
            <a:t>Scrape and store</a:t>
          </a:r>
        </a:p>
      </dgm:t>
    </dgm:pt>
    <dgm:pt modelId="{0838B927-5593-42EE-80D0-1F2AD99179F2}" type="parTrans" cxnId="{3040FA35-B856-4BCC-84F0-F24DA3A8D683}">
      <dgm:prSet/>
      <dgm:spPr/>
      <dgm:t>
        <a:bodyPr/>
        <a:lstStyle/>
        <a:p>
          <a:endParaRPr lang="en-US"/>
        </a:p>
      </dgm:t>
    </dgm:pt>
    <dgm:pt modelId="{3472FC13-1DA0-4E3A-9022-DA78126AAB4D}" type="sibTrans" cxnId="{3040FA35-B856-4BCC-84F0-F24DA3A8D683}">
      <dgm:prSet/>
      <dgm:spPr/>
      <dgm:t>
        <a:bodyPr/>
        <a:lstStyle/>
        <a:p>
          <a:endParaRPr lang="en-US"/>
        </a:p>
      </dgm:t>
    </dgm:pt>
    <dgm:pt modelId="{08D41DEC-DA45-48D1-AB49-1179E971C328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Scrape and store text in appropriate data structure</a:t>
          </a:r>
        </a:p>
      </dgm:t>
    </dgm:pt>
    <dgm:pt modelId="{712CFD4E-5C8A-4109-B2DC-F784B5F6017F}" type="parTrans" cxnId="{E87C4CEF-B7E7-40EB-9EA1-AD9B4DFBE172}">
      <dgm:prSet/>
      <dgm:spPr/>
      <dgm:t>
        <a:bodyPr/>
        <a:lstStyle/>
        <a:p>
          <a:endParaRPr lang="en-US"/>
        </a:p>
      </dgm:t>
    </dgm:pt>
    <dgm:pt modelId="{B1CDC2F9-0F78-430D-80D3-ABA04DB8AE2F}" type="sibTrans" cxnId="{E87C4CEF-B7E7-40EB-9EA1-AD9B4DFBE172}">
      <dgm:prSet/>
      <dgm:spPr/>
      <dgm:t>
        <a:bodyPr/>
        <a:lstStyle/>
        <a:p>
          <a:endParaRPr lang="en-US"/>
        </a:p>
      </dgm:t>
    </dgm:pt>
    <dgm:pt modelId="{D353A3CF-6D40-4099-8673-3E8E632B80C2}">
      <dgm:prSet/>
      <dgm:spPr/>
      <dgm:t>
        <a:bodyPr/>
        <a:lstStyle/>
        <a:p>
          <a:pPr>
            <a:lnSpc>
              <a:spcPct val="100000"/>
            </a:lnSpc>
          </a:pPr>
          <a:r>
            <a:rPr lang="en-US"/>
            <a:t>Align</a:t>
          </a:r>
        </a:p>
      </dgm:t>
    </dgm:pt>
    <dgm:pt modelId="{C649EFB2-20AC-4D71-BF50-57F322853E20}" type="parTrans" cxnId="{951581A9-34A7-42CA-BC83-902C898EC1FD}">
      <dgm:prSet/>
      <dgm:spPr/>
      <dgm:t>
        <a:bodyPr/>
        <a:lstStyle/>
        <a:p>
          <a:endParaRPr lang="en-US"/>
        </a:p>
      </dgm:t>
    </dgm:pt>
    <dgm:pt modelId="{E1F5ED1F-D48C-4B19-8E61-B32DB72DDFFF}" type="sibTrans" cxnId="{951581A9-34A7-42CA-BC83-902C898EC1FD}">
      <dgm:prSet/>
      <dgm:spPr/>
      <dgm:t>
        <a:bodyPr/>
        <a:lstStyle/>
        <a:p>
          <a:endParaRPr lang="en-US"/>
        </a:p>
      </dgm:t>
    </dgm:pt>
    <dgm:pt modelId="{B81E3F88-552E-4E22-8400-94560D3229A1}">
      <dgm:prSet/>
      <dgm:spPr/>
      <dgm:t>
        <a:bodyPr/>
        <a:lstStyle/>
        <a:p>
          <a:pPr>
            <a:lnSpc>
              <a:spcPct val="100000"/>
            </a:lnSpc>
          </a:pPr>
          <a:r>
            <a:rPr lang="en-US"/>
            <a:t>Align easily readable text with standard legal text</a:t>
          </a:r>
        </a:p>
      </dgm:t>
    </dgm:pt>
    <dgm:pt modelId="{61EB364B-E2F3-470B-8FAB-4CEC859E6359}" type="parTrans" cxnId="{3442EA8E-8EB2-405B-B627-F708646ACC1D}">
      <dgm:prSet/>
      <dgm:spPr/>
      <dgm:t>
        <a:bodyPr/>
        <a:lstStyle/>
        <a:p>
          <a:endParaRPr lang="en-US"/>
        </a:p>
      </dgm:t>
    </dgm:pt>
    <dgm:pt modelId="{31AB0E6A-01A1-4A21-9B43-48BABCF3BD84}" type="sibTrans" cxnId="{3442EA8E-8EB2-405B-B627-F708646ACC1D}">
      <dgm:prSet/>
      <dgm:spPr/>
      <dgm:t>
        <a:bodyPr/>
        <a:lstStyle/>
        <a:p>
          <a:endParaRPr lang="en-US"/>
        </a:p>
      </dgm:t>
    </dgm:pt>
    <dgm:pt modelId="{7EE018EF-B507-4A2B-98F0-AD039472255C}">
      <dgm:prSet/>
      <dgm:spPr/>
      <dgm:t>
        <a:bodyPr/>
        <a:lstStyle/>
        <a:p>
          <a:r>
            <a:rPr lang="en-US"/>
            <a:t>Article alignment</a:t>
          </a:r>
        </a:p>
      </dgm:t>
    </dgm:pt>
    <dgm:pt modelId="{43DFC173-A7EA-4BA0-B1DD-7DFACBD676A9}" type="parTrans" cxnId="{86E18201-BE4F-43BC-9425-E78F0004EEE8}">
      <dgm:prSet/>
      <dgm:spPr/>
      <dgm:t>
        <a:bodyPr/>
        <a:lstStyle/>
        <a:p>
          <a:endParaRPr lang="en-US"/>
        </a:p>
      </dgm:t>
    </dgm:pt>
    <dgm:pt modelId="{F2266F10-4C80-438E-BB2A-A7DDC56F7269}" type="sibTrans" cxnId="{86E18201-BE4F-43BC-9425-E78F0004EEE8}">
      <dgm:prSet/>
      <dgm:spPr/>
      <dgm:t>
        <a:bodyPr/>
        <a:lstStyle/>
        <a:p>
          <a:endParaRPr lang="en-US"/>
        </a:p>
      </dgm:t>
    </dgm:pt>
    <dgm:pt modelId="{501ADD97-B8AC-4A16-BA17-0D6A7E3FE1DA}">
      <dgm:prSet/>
      <dgm:spPr/>
      <dgm:t>
        <a:bodyPr/>
        <a:lstStyle/>
        <a:p>
          <a:r>
            <a:rPr lang="en-US"/>
            <a:t>CATS model [3]</a:t>
          </a:r>
        </a:p>
      </dgm:t>
    </dgm:pt>
    <dgm:pt modelId="{1DFDC266-3C6B-46E9-A19B-5CD50799B5B4}" type="parTrans" cxnId="{48FB0D9E-7D59-44EF-949F-61267866B19B}">
      <dgm:prSet/>
      <dgm:spPr/>
      <dgm:t>
        <a:bodyPr/>
        <a:lstStyle/>
        <a:p>
          <a:endParaRPr lang="en-US"/>
        </a:p>
      </dgm:t>
    </dgm:pt>
    <dgm:pt modelId="{7CBB13A6-3134-427E-BF89-412A39312C4A}" type="sibTrans" cxnId="{48FB0D9E-7D59-44EF-949F-61267866B19B}">
      <dgm:prSet/>
      <dgm:spPr/>
      <dgm:t>
        <a:bodyPr/>
        <a:lstStyle/>
        <a:p>
          <a:endParaRPr lang="en-US"/>
        </a:p>
      </dgm:t>
    </dgm:pt>
    <dgm:pt modelId="{7307D0DF-CFDE-4DDE-A7C2-E7D7A40C0C60}">
      <dgm:prSet/>
      <dgm:spPr/>
      <dgm:t>
        <a:bodyPr/>
        <a:lstStyle/>
        <a:p>
          <a:r>
            <a:rPr lang="en-US"/>
            <a:t>Neural CRF Model [4]</a:t>
          </a:r>
        </a:p>
      </dgm:t>
    </dgm:pt>
    <dgm:pt modelId="{777F27D4-0EF8-4130-BF3B-90D6320A0A79}" type="parTrans" cxnId="{5BB23F29-05C9-47FF-A029-A2573993BC96}">
      <dgm:prSet/>
      <dgm:spPr/>
      <dgm:t>
        <a:bodyPr/>
        <a:lstStyle/>
        <a:p>
          <a:endParaRPr lang="en-US"/>
        </a:p>
      </dgm:t>
    </dgm:pt>
    <dgm:pt modelId="{05F874CB-9B1B-49AC-B41E-D48156B37576}" type="sibTrans" cxnId="{5BB23F29-05C9-47FF-A029-A2573993BC96}">
      <dgm:prSet/>
      <dgm:spPr/>
      <dgm:t>
        <a:bodyPr/>
        <a:lstStyle/>
        <a:p>
          <a:endParaRPr lang="en-US"/>
        </a:p>
      </dgm:t>
    </dgm:pt>
    <dgm:pt modelId="{E543D885-4FB1-4322-93DB-349963AFBF0E}">
      <dgm:prSet/>
      <dgm:spPr/>
      <dgm:t>
        <a:bodyPr/>
        <a:lstStyle/>
        <a:p>
          <a:pPr>
            <a:lnSpc>
              <a:spcPct val="100000"/>
            </a:lnSpc>
          </a:pPr>
          <a:r>
            <a:rPr lang="en-US"/>
            <a:t>Evaluate</a:t>
          </a:r>
        </a:p>
      </dgm:t>
    </dgm:pt>
    <dgm:pt modelId="{DFD619D1-3103-47B5-9E25-F09E1D7A15D6}" type="parTrans" cxnId="{75A99741-B4C4-48FF-80FB-1F74292E999E}">
      <dgm:prSet/>
      <dgm:spPr/>
      <dgm:t>
        <a:bodyPr/>
        <a:lstStyle/>
        <a:p>
          <a:endParaRPr lang="en-US"/>
        </a:p>
      </dgm:t>
    </dgm:pt>
    <dgm:pt modelId="{C836C523-546A-456A-BA13-6743E2E5C331}" type="sibTrans" cxnId="{75A99741-B4C4-48FF-80FB-1F74292E999E}">
      <dgm:prSet/>
      <dgm:spPr/>
      <dgm:t>
        <a:bodyPr/>
        <a:lstStyle/>
        <a:p>
          <a:endParaRPr lang="en-US"/>
        </a:p>
      </dgm:t>
    </dgm:pt>
    <dgm:pt modelId="{320FB696-FE17-4810-B1BD-945BBFBE38EC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Manually evaluate corpus by examining random samples	</a:t>
          </a:r>
        </a:p>
      </dgm:t>
    </dgm:pt>
    <dgm:pt modelId="{94417C26-C92A-4902-A6B4-A9013D0504CB}" type="parTrans" cxnId="{5E241906-E763-4D20-AE18-AC3C90FAA91A}">
      <dgm:prSet/>
      <dgm:spPr/>
      <dgm:t>
        <a:bodyPr/>
        <a:lstStyle/>
        <a:p>
          <a:endParaRPr lang="en-US"/>
        </a:p>
      </dgm:t>
    </dgm:pt>
    <dgm:pt modelId="{756390A5-D520-452A-85D2-49D5C9F1D250}" type="sibTrans" cxnId="{5E241906-E763-4D20-AE18-AC3C90FAA91A}">
      <dgm:prSet/>
      <dgm:spPr/>
      <dgm:t>
        <a:bodyPr/>
        <a:lstStyle/>
        <a:p>
          <a:endParaRPr lang="en-US"/>
        </a:p>
      </dgm:t>
    </dgm:pt>
    <dgm:pt modelId="{5DA32614-89A2-40ED-A732-8E8114107C33}" type="pres">
      <dgm:prSet presAssocID="{D9D779FD-C5EE-4C54-8DE2-989969FF4BCF}" presName="vert0" presStyleCnt="0">
        <dgm:presLayoutVars>
          <dgm:dir/>
          <dgm:animOne val="branch"/>
          <dgm:animLvl val="lvl"/>
        </dgm:presLayoutVars>
      </dgm:prSet>
      <dgm:spPr/>
    </dgm:pt>
    <dgm:pt modelId="{F0BDB6B2-059B-4A8B-8003-F8D8CF573699}" type="pres">
      <dgm:prSet presAssocID="{1FA24B6D-9E02-42D7-BFBD-30ADFBCED21B}" presName="thickLine" presStyleLbl="alignNode1" presStyleIdx="0" presStyleCnt="4"/>
      <dgm:spPr/>
    </dgm:pt>
    <dgm:pt modelId="{31C8D49E-F795-4D90-AF01-20284A747082}" type="pres">
      <dgm:prSet presAssocID="{1FA24B6D-9E02-42D7-BFBD-30ADFBCED21B}" presName="horz1" presStyleCnt="0"/>
      <dgm:spPr/>
    </dgm:pt>
    <dgm:pt modelId="{728E6E9B-3348-4F49-B4DC-BD788C502A53}" type="pres">
      <dgm:prSet presAssocID="{1FA24B6D-9E02-42D7-BFBD-30ADFBCED21B}" presName="tx1" presStyleLbl="revTx" presStyleIdx="0" presStyleCnt="11"/>
      <dgm:spPr/>
    </dgm:pt>
    <dgm:pt modelId="{12C14E25-DE3D-4B18-85BD-9A6309D4FEFA}" type="pres">
      <dgm:prSet presAssocID="{1FA24B6D-9E02-42D7-BFBD-30ADFBCED21B}" presName="vert1" presStyleCnt="0"/>
      <dgm:spPr/>
    </dgm:pt>
    <dgm:pt modelId="{AC5D3381-8196-4333-B140-73E6FCA0EAD3}" type="pres">
      <dgm:prSet presAssocID="{A4DC48F9-A736-41BD-9BB6-1F9F9376535B}" presName="vertSpace2a" presStyleCnt="0"/>
      <dgm:spPr/>
    </dgm:pt>
    <dgm:pt modelId="{AA9964EA-AFCA-470F-B42D-EC61F24BF184}" type="pres">
      <dgm:prSet presAssocID="{A4DC48F9-A736-41BD-9BB6-1F9F9376535B}" presName="horz2" presStyleCnt="0"/>
      <dgm:spPr/>
    </dgm:pt>
    <dgm:pt modelId="{01060CD5-D97E-4B52-A044-D8384A586454}" type="pres">
      <dgm:prSet presAssocID="{A4DC48F9-A736-41BD-9BB6-1F9F9376535B}" presName="horzSpace2" presStyleCnt="0"/>
      <dgm:spPr/>
    </dgm:pt>
    <dgm:pt modelId="{CC43E170-D3E6-415E-810A-1044EB733844}" type="pres">
      <dgm:prSet presAssocID="{A4DC48F9-A736-41BD-9BB6-1F9F9376535B}" presName="tx2" presStyleLbl="revTx" presStyleIdx="1" presStyleCnt="11" custScaleX="131723"/>
      <dgm:spPr/>
    </dgm:pt>
    <dgm:pt modelId="{35BA87DB-4CCA-488E-94F4-EA9F19EAF061}" type="pres">
      <dgm:prSet presAssocID="{A4DC48F9-A736-41BD-9BB6-1F9F9376535B}" presName="vert2" presStyleCnt="0"/>
      <dgm:spPr/>
    </dgm:pt>
    <dgm:pt modelId="{5ECA0140-C6D0-4C1A-8EB7-D98CDCEE2038}" type="pres">
      <dgm:prSet presAssocID="{A4DC48F9-A736-41BD-9BB6-1F9F9376535B}" presName="thinLine2b" presStyleLbl="callout" presStyleIdx="0" presStyleCnt="6"/>
      <dgm:spPr/>
    </dgm:pt>
    <dgm:pt modelId="{80F96EC9-BD4C-4445-B8AC-BBF84784916F}" type="pres">
      <dgm:prSet presAssocID="{A4DC48F9-A736-41BD-9BB6-1F9F9376535B}" presName="vertSpace2b" presStyleCnt="0"/>
      <dgm:spPr/>
    </dgm:pt>
    <dgm:pt modelId="{A6466FCF-B4FF-4706-9117-007FD33E001A}" type="pres">
      <dgm:prSet presAssocID="{D9387038-35C9-40F9-875D-612262F184C1}" presName="thickLine" presStyleLbl="alignNode1" presStyleIdx="1" presStyleCnt="4"/>
      <dgm:spPr/>
    </dgm:pt>
    <dgm:pt modelId="{7E25087D-ADF6-488A-952D-4D5C78D75A0E}" type="pres">
      <dgm:prSet presAssocID="{D9387038-35C9-40F9-875D-612262F184C1}" presName="horz1" presStyleCnt="0"/>
      <dgm:spPr/>
    </dgm:pt>
    <dgm:pt modelId="{DD2D5631-CC94-436E-8D9B-F60BADFD9B20}" type="pres">
      <dgm:prSet presAssocID="{D9387038-35C9-40F9-875D-612262F184C1}" presName="tx1" presStyleLbl="revTx" presStyleIdx="2" presStyleCnt="11"/>
      <dgm:spPr/>
    </dgm:pt>
    <dgm:pt modelId="{0AE519E8-7123-4E69-8FD3-CC54378AFE1B}" type="pres">
      <dgm:prSet presAssocID="{D9387038-35C9-40F9-875D-612262F184C1}" presName="vert1" presStyleCnt="0"/>
      <dgm:spPr/>
    </dgm:pt>
    <dgm:pt modelId="{5C0E25B0-8CC8-4DFC-992D-10518EE4A4F7}" type="pres">
      <dgm:prSet presAssocID="{08D41DEC-DA45-48D1-AB49-1179E971C328}" presName="vertSpace2a" presStyleCnt="0"/>
      <dgm:spPr/>
    </dgm:pt>
    <dgm:pt modelId="{98EBA52C-A452-4227-959D-FB20C8E04846}" type="pres">
      <dgm:prSet presAssocID="{08D41DEC-DA45-48D1-AB49-1179E971C328}" presName="horz2" presStyleCnt="0"/>
      <dgm:spPr/>
    </dgm:pt>
    <dgm:pt modelId="{F9F5FE78-86C9-42A7-BB17-236BCAEC323B}" type="pres">
      <dgm:prSet presAssocID="{08D41DEC-DA45-48D1-AB49-1179E971C328}" presName="horzSpace2" presStyleCnt="0"/>
      <dgm:spPr/>
    </dgm:pt>
    <dgm:pt modelId="{6F472896-C7F0-40A2-A9F8-3B1D7C7243FB}" type="pres">
      <dgm:prSet presAssocID="{08D41DEC-DA45-48D1-AB49-1179E971C328}" presName="tx2" presStyleLbl="revTx" presStyleIdx="3" presStyleCnt="11" custScaleX="138327"/>
      <dgm:spPr/>
    </dgm:pt>
    <dgm:pt modelId="{F246FB3F-9382-4497-84B9-4703D2126402}" type="pres">
      <dgm:prSet presAssocID="{08D41DEC-DA45-48D1-AB49-1179E971C328}" presName="vert2" presStyleCnt="0"/>
      <dgm:spPr/>
    </dgm:pt>
    <dgm:pt modelId="{63E33E6C-E280-4632-8B76-5269B3BA5C8D}" type="pres">
      <dgm:prSet presAssocID="{08D41DEC-DA45-48D1-AB49-1179E971C328}" presName="thinLine2b" presStyleLbl="callout" presStyleIdx="1" presStyleCnt="6"/>
      <dgm:spPr/>
    </dgm:pt>
    <dgm:pt modelId="{5EBD4CDB-9898-46A8-B739-8E227CD4483F}" type="pres">
      <dgm:prSet presAssocID="{08D41DEC-DA45-48D1-AB49-1179E971C328}" presName="vertSpace2b" presStyleCnt="0"/>
      <dgm:spPr/>
    </dgm:pt>
    <dgm:pt modelId="{967B8AC2-B626-4033-911A-31AD6AA0AF0D}" type="pres">
      <dgm:prSet presAssocID="{D353A3CF-6D40-4099-8673-3E8E632B80C2}" presName="thickLine" presStyleLbl="alignNode1" presStyleIdx="2" presStyleCnt="4"/>
      <dgm:spPr/>
    </dgm:pt>
    <dgm:pt modelId="{AD31391C-9496-44D2-8DA9-2DEA250FB23A}" type="pres">
      <dgm:prSet presAssocID="{D353A3CF-6D40-4099-8673-3E8E632B80C2}" presName="horz1" presStyleCnt="0"/>
      <dgm:spPr/>
    </dgm:pt>
    <dgm:pt modelId="{0314EA6E-EEBE-4E47-9DB1-7FC086989948}" type="pres">
      <dgm:prSet presAssocID="{D353A3CF-6D40-4099-8673-3E8E632B80C2}" presName="tx1" presStyleLbl="revTx" presStyleIdx="4" presStyleCnt="11"/>
      <dgm:spPr/>
    </dgm:pt>
    <dgm:pt modelId="{293EB8DF-91C6-4127-A722-DA43850798FE}" type="pres">
      <dgm:prSet presAssocID="{D353A3CF-6D40-4099-8673-3E8E632B80C2}" presName="vert1" presStyleCnt="0"/>
      <dgm:spPr/>
    </dgm:pt>
    <dgm:pt modelId="{7FA99EEF-86D6-4E23-A339-C7B7628F050C}" type="pres">
      <dgm:prSet presAssocID="{B81E3F88-552E-4E22-8400-94560D3229A1}" presName="vertSpace2a" presStyleCnt="0"/>
      <dgm:spPr/>
    </dgm:pt>
    <dgm:pt modelId="{1615F134-C10C-4976-95BB-630AA1B66131}" type="pres">
      <dgm:prSet presAssocID="{B81E3F88-552E-4E22-8400-94560D3229A1}" presName="horz2" presStyleCnt="0"/>
      <dgm:spPr/>
    </dgm:pt>
    <dgm:pt modelId="{5FC1706A-E8A0-4798-97B1-D932BBB3A6C6}" type="pres">
      <dgm:prSet presAssocID="{B81E3F88-552E-4E22-8400-94560D3229A1}" presName="horzSpace2" presStyleCnt="0"/>
      <dgm:spPr/>
    </dgm:pt>
    <dgm:pt modelId="{2B64680B-F4B7-4968-81AC-AD7DE9DC36A0}" type="pres">
      <dgm:prSet presAssocID="{B81E3F88-552E-4E22-8400-94560D3229A1}" presName="tx2" presStyleLbl="revTx" presStyleIdx="5" presStyleCnt="11"/>
      <dgm:spPr/>
    </dgm:pt>
    <dgm:pt modelId="{53C6FDE8-0F8C-41AF-A245-692A31A0294B}" type="pres">
      <dgm:prSet presAssocID="{B81E3F88-552E-4E22-8400-94560D3229A1}" presName="vert2" presStyleCnt="0"/>
      <dgm:spPr/>
    </dgm:pt>
    <dgm:pt modelId="{C8356996-898E-4E97-88CD-A3DF77B72652}" type="pres">
      <dgm:prSet presAssocID="{7EE018EF-B507-4A2B-98F0-AD039472255C}" presName="horz3" presStyleCnt="0"/>
      <dgm:spPr/>
    </dgm:pt>
    <dgm:pt modelId="{10CAE0E4-E9A7-42F8-ACD5-9616BE223FEA}" type="pres">
      <dgm:prSet presAssocID="{7EE018EF-B507-4A2B-98F0-AD039472255C}" presName="horzSpace3" presStyleCnt="0"/>
      <dgm:spPr/>
    </dgm:pt>
    <dgm:pt modelId="{85796C7A-13AD-4F9A-9ADD-DF441709AB1A}" type="pres">
      <dgm:prSet presAssocID="{7EE018EF-B507-4A2B-98F0-AD039472255C}" presName="tx3" presStyleLbl="revTx" presStyleIdx="6" presStyleCnt="11"/>
      <dgm:spPr/>
    </dgm:pt>
    <dgm:pt modelId="{E1DB3CE4-C414-44A6-867E-64B4CB1FA542}" type="pres">
      <dgm:prSet presAssocID="{7EE018EF-B507-4A2B-98F0-AD039472255C}" presName="vert3" presStyleCnt="0"/>
      <dgm:spPr/>
    </dgm:pt>
    <dgm:pt modelId="{B003BEEA-31CF-4134-82C7-2A0EC18D8E85}" type="pres">
      <dgm:prSet presAssocID="{F2266F10-4C80-438E-BB2A-A7DDC56F7269}" presName="thinLine3" presStyleLbl="callout" presStyleIdx="2" presStyleCnt="6"/>
      <dgm:spPr/>
    </dgm:pt>
    <dgm:pt modelId="{7AE952C8-5322-4979-BC76-CA3EB274C613}" type="pres">
      <dgm:prSet presAssocID="{501ADD97-B8AC-4A16-BA17-0D6A7E3FE1DA}" presName="horz3" presStyleCnt="0"/>
      <dgm:spPr/>
    </dgm:pt>
    <dgm:pt modelId="{465A1229-03CE-400F-A996-3F77C0588EB3}" type="pres">
      <dgm:prSet presAssocID="{501ADD97-B8AC-4A16-BA17-0D6A7E3FE1DA}" presName="horzSpace3" presStyleCnt="0"/>
      <dgm:spPr/>
    </dgm:pt>
    <dgm:pt modelId="{5D0AF354-3D41-454A-BCAF-13ABF11235F1}" type="pres">
      <dgm:prSet presAssocID="{501ADD97-B8AC-4A16-BA17-0D6A7E3FE1DA}" presName="tx3" presStyleLbl="revTx" presStyleIdx="7" presStyleCnt="11"/>
      <dgm:spPr/>
    </dgm:pt>
    <dgm:pt modelId="{790BA02B-509B-439A-96C4-A53150C4C6EE}" type="pres">
      <dgm:prSet presAssocID="{501ADD97-B8AC-4A16-BA17-0D6A7E3FE1DA}" presName="vert3" presStyleCnt="0"/>
      <dgm:spPr/>
    </dgm:pt>
    <dgm:pt modelId="{4D52F3A1-16EA-4DC1-8469-F9F990F007FA}" type="pres">
      <dgm:prSet presAssocID="{7CBB13A6-3134-427E-BF89-412A39312C4A}" presName="thinLine3" presStyleLbl="callout" presStyleIdx="3" presStyleCnt="6"/>
      <dgm:spPr/>
    </dgm:pt>
    <dgm:pt modelId="{3963B5A4-0007-46C2-BD91-DB60DAD1EB10}" type="pres">
      <dgm:prSet presAssocID="{7307D0DF-CFDE-4DDE-A7C2-E7D7A40C0C60}" presName="horz3" presStyleCnt="0"/>
      <dgm:spPr/>
    </dgm:pt>
    <dgm:pt modelId="{77C66538-EEE9-4EFE-936E-DFD4DF78B7BF}" type="pres">
      <dgm:prSet presAssocID="{7307D0DF-CFDE-4DDE-A7C2-E7D7A40C0C60}" presName="horzSpace3" presStyleCnt="0"/>
      <dgm:spPr/>
    </dgm:pt>
    <dgm:pt modelId="{84024F30-FCC6-444D-BEAC-3991D842AEAF}" type="pres">
      <dgm:prSet presAssocID="{7307D0DF-CFDE-4DDE-A7C2-E7D7A40C0C60}" presName="tx3" presStyleLbl="revTx" presStyleIdx="8" presStyleCnt="11"/>
      <dgm:spPr/>
    </dgm:pt>
    <dgm:pt modelId="{8379A9EF-8910-4999-9AA6-E2373CA78FE6}" type="pres">
      <dgm:prSet presAssocID="{7307D0DF-CFDE-4DDE-A7C2-E7D7A40C0C60}" presName="vert3" presStyleCnt="0"/>
      <dgm:spPr/>
    </dgm:pt>
    <dgm:pt modelId="{DB684FDC-ED68-4050-901C-CC2BECA927DE}" type="pres">
      <dgm:prSet presAssocID="{B81E3F88-552E-4E22-8400-94560D3229A1}" presName="thinLine2b" presStyleLbl="callout" presStyleIdx="4" presStyleCnt="6"/>
      <dgm:spPr/>
    </dgm:pt>
    <dgm:pt modelId="{FFF5EAC8-6898-4517-B047-19AA829F457F}" type="pres">
      <dgm:prSet presAssocID="{B81E3F88-552E-4E22-8400-94560D3229A1}" presName="vertSpace2b" presStyleCnt="0"/>
      <dgm:spPr/>
    </dgm:pt>
    <dgm:pt modelId="{D30E4EE1-4B82-4193-8037-C21A281A18ED}" type="pres">
      <dgm:prSet presAssocID="{E543D885-4FB1-4322-93DB-349963AFBF0E}" presName="thickLine" presStyleLbl="alignNode1" presStyleIdx="3" presStyleCnt="4"/>
      <dgm:spPr/>
    </dgm:pt>
    <dgm:pt modelId="{BDE2BC90-2049-4F0C-A882-8751B0D5ECA9}" type="pres">
      <dgm:prSet presAssocID="{E543D885-4FB1-4322-93DB-349963AFBF0E}" presName="horz1" presStyleCnt="0"/>
      <dgm:spPr/>
    </dgm:pt>
    <dgm:pt modelId="{92E3F3E1-8C9F-4CBC-A610-EAE7F7128C54}" type="pres">
      <dgm:prSet presAssocID="{E543D885-4FB1-4322-93DB-349963AFBF0E}" presName="tx1" presStyleLbl="revTx" presStyleIdx="9" presStyleCnt="11"/>
      <dgm:spPr/>
    </dgm:pt>
    <dgm:pt modelId="{93A94B45-83F9-47A8-99F3-619A0E65D3C7}" type="pres">
      <dgm:prSet presAssocID="{E543D885-4FB1-4322-93DB-349963AFBF0E}" presName="vert1" presStyleCnt="0"/>
      <dgm:spPr/>
    </dgm:pt>
    <dgm:pt modelId="{ABE8187F-AA17-4719-A8AE-F2E95E17457C}" type="pres">
      <dgm:prSet presAssocID="{320FB696-FE17-4810-B1BD-945BBFBE38EC}" presName="vertSpace2a" presStyleCnt="0"/>
      <dgm:spPr/>
    </dgm:pt>
    <dgm:pt modelId="{B4674A23-32B9-40BD-979D-A17737FC5A52}" type="pres">
      <dgm:prSet presAssocID="{320FB696-FE17-4810-B1BD-945BBFBE38EC}" presName="horz2" presStyleCnt="0"/>
      <dgm:spPr/>
    </dgm:pt>
    <dgm:pt modelId="{CB9A5C07-BFBD-4E7F-82CB-AA78E54C38A9}" type="pres">
      <dgm:prSet presAssocID="{320FB696-FE17-4810-B1BD-945BBFBE38EC}" presName="horzSpace2" presStyleCnt="0"/>
      <dgm:spPr/>
    </dgm:pt>
    <dgm:pt modelId="{1B38EF1C-9717-4BB6-9F3A-BBAA323EA4F4}" type="pres">
      <dgm:prSet presAssocID="{320FB696-FE17-4810-B1BD-945BBFBE38EC}" presName="tx2" presStyleLbl="revTx" presStyleIdx="10" presStyleCnt="11"/>
      <dgm:spPr/>
    </dgm:pt>
    <dgm:pt modelId="{36F03727-84C5-4B89-AC31-6E836F654078}" type="pres">
      <dgm:prSet presAssocID="{320FB696-FE17-4810-B1BD-945BBFBE38EC}" presName="vert2" presStyleCnt="0"/>
      <dgm:spPr/>
    </dgm:pt>
    <dgm:pt modelId="{5C401696-95A5-4FA8-ABBB-58F919CCF840}" type="pres">
      <dgm:prSet presAssocID="{320FB696-FE17-4810-B1BD-945BBFBE38EC}" presName="thinLine2b" presStyleLbl="callout" presStyleIdx="5" presStyleCnt="6"/>
      <dgm:spPr/>
    </dgm:pt>
    <dgm:pt modelId="{F95DCB80-45CC-4763-BBEF-330D12E080C9}" type="pres">
      <dgm:prSet presAssocID="{320FB696-FE17-4810-B1BD-945BBFBE38EC}" presName="vertSpace2b" presStyleCnt="0"/>
      <dgm:spPr/>
    </dgm:pt>
  </dgm:ptLst>
  <dgm:cxnLst>
    <dgm:cxn modelId="{86E18201-BE4F-43BC-9425-E78F0004EEE8}" srcId="{B81E3F88-552E-4E22-8400-94560D3229A1}" destId="{7EE018EF-B507-4A2B-98F0-AD039472255C}" srcOrd="0" destOrd="0" parTransId="{43DFC173-A7EA-4BA0-B1DD-7DFACBD676A9}" sibTransId="{F2266F10-4C80-438E-BB2A-A7DDC56F7269}"/>
    <dgm:cxn modelId="{35453E05-84C2-414A-AF4A-B2A4F5DFA8E5}" type="presOf" srcId="{08D41DEC-DA45-48D1-AB49-1179E971C328}" destId="{6F472896-C7F0-40A2-A9F8-3B1D7C7243FB}" srcOrd="0" destOrd="0" presId="urn:microsoft.com/office/officeart/2008/layout/LinedList"/>
    <dgm:cxn modelId="{47C8E905-8F42-46CC-872B-5F58DB832846}" type="presOf" srcId="{501ADD97-B8AC-4A16-BA17-0D6A7E3FE1DA}" destId="{5D0AF354-3D41-454A-BCAF-13ABF11235F1}" srcOrd="0" destOrd="0" presId="urn:microsoft.com/office/officeart/2008/layout/LinedList"/>
    <dgm:cxn modelId="{5E241906-E763-4D20-AE18-AC3C90FAA91A}" srcId="{E543D885-4FB1-4322-93DB-349963AFBF0E}" destId="{320FB696-FE17-4810-B1BD-945BBFBE38EC}" srcOrd="0" destOrd="0" parTransId="{94417C26-C92A-4902-A6B4-A9013D0504CB}" sibTransId="{756390A5-D520-452A-85D2-49D5C9F1D250}"/>
    <dgm:cxn modelId="{01FEF715-4169-486F-81B6-827E578F6701}" type="presOf" srcId="{7307D0DF-CFDE-4DDE-A7C2-E7D7A40C0C60}" destId="{84024F30-FCC6-444D-BEAC-3991D842AEAF}" srcOrd="0" destOrd="0" presId="urn:microsoft.com/office/officeart/2008/layout/LinedList"/>
    <dgm:cxn modelId="{5BB23F29-05C9-47FF-A029-A2573993BC96}" srcId="{B81E3F88-552E-4E22-8400-94560D3229A1}" destId="{7307D0DF-CFDE-4DDE-A7C2-E7D7A40C0C60}" srcOrd="2" destOrd="0" parTransId="{777F27D4-0EF8-4130-BF3B-90D6320A0A79}" sibTransId="{05F874CB-9B1B-49AC-B41E-D48156B37576}"/>
    <dgm:cxn modelId="{3040FA35-B856-4BCC-84F0-F24DA3A8D683}" srcId="{D9D779FD-C5EE-4C54-8DE2-989969FF4BCF}" destId="{D9387038-35C9-40F9-875D-612262F184C1}" srcOrd="1" destOrd="0" parTransId="{0838B927-5593-42EE-80D0-1F2AD99179F2}" sibTransId="{3472FC13-1DA0-4E3A-9022-DA78126AAB4D}"/>
    <dgm:cxn modelId="{D3493F3D-46A7-4461-B2F8-3DCB1850C63F}" type="presOf" srcId="{D9387038-35C9-40F9-875D-612262F184C1}" destId="{DD2D5631-CC94-436E-8D9B-F60BADFD9B20}" srcOrd="0" destOrd="0" presId="urn:microsoft.com/office/officeart/2008/layout/LinedList"/>
    <dgm:cxn modelId="{75A99741-B4C4-48FF-80FB-1F74292E999E}" srcId="{D9D779FD-C5EE-4C54-8DE2-989969FF4BCF}" destId="{E543D885-4FB1-4322-93DB-349963AFBF0E}" srcOrd="3" destOrd="0" parTransId="{DFD619D1-3103-47B5-9E25-F09E1D7A15D6}" sibTransId="{C836C523-546A-456A-BA13-6743E2E5C331}"/>
    <dgm:cxn modelId="{0764EA44-E1BC-40B4-8D92-200D61DB9BC7}" type="presOf" srcId="{A4DC48F9-A736-41BD-9BB6-1F9F9376535B}" destId="{CC43E170-D3E6-415E-810A-1044EB733844}" srcOrd="0" destOrd="0" presId="urn:microsoft.com/office/officeart/2008/layout/LinedList"/>
    <dgm:cxn modelId="{AA74136B-1C68-4A55-AC99-6C2E89D4AB7C}" type="presOf" srcId="{E543D885-4FB1-4322-93DB-349963AFBF0E}" destId="{92E3F3E1-8C9F-4CBC-A610-EAE7F7128C54}" srcOrd="0" destOrd="0" presId="urn:microsoft.com/office/officeart/2008/layout/LinedList"/>
    <dgm:cxn modelId="{5008576F-55E3-4A7C-8F7E-E26EE32A1810}" type="presOf" srcId="{B81E3F88-552E-4E22-8400-94560D3229A1}" destId="{2B64680B-F4B7-4968-81AC-AD7DE9DC36A0}" srcOrd="0" destOrd="0" presId="urn:microsoft.com/office/officeart/2008/layout/LinedList"/>
    <dgm:cxn modelId="{3442EA8E-8EB2-405B-B627-F708646ACC1D}" srcId="{D353A3CF-6D40-4099-8673-3E8E632B80C2}" destId="{B81E3F88-552E-4E22-8400-94560D3229A1}" srcOrd="0" destOrd="0" parTransId="{61EB364B-E2F3-470B-8FAB-4CEC859E6359}" sibTransId="{31AB0E6A-01A1-4A21-9B43-48BABCF3BD84}"/>
    <dgm:cxn modelId="{131AD097-8DB2-47A2-BF84-557DF15A3C09}" srcId="{1FA24B6D-9E02-42D7-BFBD-30ADFBCED21B}" destId="{A4DC48F9-A736-41BD-9BB6-1F9F9376535B}" srcOrd="0" destOrd="0" parTransId="{7531C8AF-D659-4BFE-99A5-046ACD0520D2}" sibTransId="{1F6FB40B-C627-4506-B7FC-FAA12533C5E3}"/>
    <dgm:cxn modelId="{813AD298-9C87-42E7-AE42-F8662B2A3D08}" srcId="{D9D779FD-C5EE-4C54-8DE2-989969FF4BCF}" destId="{1FA24B6D-9E02-42D7-BFBD-30ADFBCED21B}" srcOrd="0" destOrd="0" parTransId="{C382368B-1246-40A2-B631-8C6A22703501}" sibTransId="{05DA3A18-CAD2-4552-B480-9DBE256E3071}"/>
    <dgm:cxn modelId="{019B9B9C-E2B5-4082-9A38-E982177BAEA7}" type="presOf" srcId="{1FA24B6D-9E02-42D7-BFBD-30ADFBCED21B}" destId="{728E6E9B-3348-4F49-B4DC-BD788C502A53}" srcOrd="0" destOrd="0" presId="urn:microsoft.com/office/officeart/2008/layout/LinedList"/>
    <dgm:cxn modelId="{48FB0D9E-7D59-44EF-949F-61267866B19B}" srcId="{B81E3F88-552E-4E22-8400-94560D3229A1}" destId="{501ADD97-B8AC-4A16-BA17-0D6A7E3FE1DA}" srcOrd="1" destOrd="0" parTransId="{1DFDC266-3C6B-46E9-A19B-5CD50799B5B4}" sibTransId="{7CBB13A6-3134-427E-BF89-412A39312C4A}"/>
    <dgm:cxn modelId="{2A77B6A6-9B19-4244-81E9-67943CEC4DCA}" type="presOf" srcId="{D353A3CF-6D40-4099-8673-3E8E632B80C2}" destId="{0314EA6E-EEBE-4E47-9DB1-7FC086989948}" srcOrd="0" destOrd="0" presId="urn:microsoft.com/office/officeart/2008/layout/LinedList"/>
    <dgm:cxn modelId="{951581A9-34A7-42CA-BC83-902C898EC1FD}" srcId="{D9D779FD-C5EE-4C54-8DE2-989969FF4BCF}" destId="{D353A3CF-6D40-4099-8673-3E8E632B80C2}" srcOrd="2" destOrd="0" parTransId="{C649EFB2-20AC-4D71-BF50-57F322853E20}" sibTransId="{E1F5ED1F-D48C-4B19-8E61-B32DB72DDFFF}"/>
    <dgm:cxn modelId="{9550EFB4-9F62-4B0B-9A81-60146F6DA7C3}" type="presOf" srcId="{320FB696-FE17-4810-B1BD-945BBFBE38EC}" destId="{1B38EF1C-9717-4BB6-9F3A-BBAA323EA4F4}" srcOrd="0" destOrd="0" presId="urn:microsoft.com/office/officeart/2008/layout/LinedList"/>
    <dgm:cxn modelId="{04A59ADF-0665-4A7C-B9FA-E0786E8F29ED}" type="presOf" srcId="{7EE018EF-B507-4A2B-98F0-AD039472255C}" destId="{85796C7A-13AD-4F9A-9ADD-DF441709AB1A}" srcOrd="0" destOrd="0" presId="urn:microsoft.com/office/officeart/2008/layout/LinedList"/>
    <dgm:cxn modelId="{3672E6EB-36A9-4390-B07E-2B9183DFE428}" type="presOf" srcId="{D9D779FD-C5EE-4C54-8DE2-989969FF4BCF}" destId="{5DA32614-89A2-40ED-A732-8E8114107C33}" srcOrd="0" destOrd="0" presId="urn:microsoft.com/office/officeart/2008/layout/LinedList"/>
    <dgm:cxn modelId="{E87C4CEF-B7E7-40EB-9EA1-AD9B4DFBE172}" srcId="{D9387038-35C9-40F9-875D-612262F184C1}" destId="{08D41DEC-DA45-48D1-AB49-1179E971C328}" srcOrd="0" destOrd="0" parTransId="{712CFD4E-5C8A-4109-B2DC-F784B5F6017F}" sibTransId="{B1CDC2F9-0F78-430D-80D3-ABA04DB8AE2F}"/>
    <dgm:cxn modelId="{4130F38A-CF93-4F6C-A69A-986BED8CB2A8}" type="presParOf" srcId="{5DA32614-89A2-40ED-A732-8E8114107C33}" destId="{F0BDB6B2-059B-4A8B-8003-F8D8CF573699}" srcOrd="0" destOrd="0" presId="urn:microsoft.com/office/officeart/2008/layout/LinedList"/>
    <dgm:cxn modelId="{A74A250B-9DBF-4A09-AC87-23D5397EC08A}" type="presParOf" srcId="{5DA32614-89A2-40ED-A732-8E8114107C33}" destId="{31C8D49E-F795-4D90-AF01-20284A747082}" srcOrd="1" destOrd="0" presId="urn:microsoft.com/office/officeart/2008/layout/LinedList"/>
    <dgm:cxn modelId="{DDA4A984-145C-4F52-8F09-E65DBD37B106}" type="presParOf" srcId="{31C8D49E-F795-4D90-AF01-20284A747082}" destId="{728E6E9B-3348-4F49-B4DC-BD788C502A53}" srcOrd="0" destOrd="0" presId="urn:microsoft.com/office/officeart/2008/layout/LinedList"/>
    <dgm:cxn modelId="{00D6DC69-4256-47D4-8871-7913FA78EBD1}" type="presParOf" srcId="{31C8D49E-F795-4D90-AF01-20284A747082}" destId="{12C14E25-DE3D-4B18-85BD-9A6309D4FEFA}" srcOrd="1" destOrd="0" presId="urn:microsoft.com/office/officeart/2008/layout/LinedList"/>
    <dgm:cxn modelId="{7ABEA062-B065-48E7-BB84-0E655B160539}" type="presParOf" srcId="{12C14E25-DE3D-4B18-85BD-9A6309D4FEFA}" destId="{AC5D3381-8196-4333-B140-73E6FCA0EAD3}" srcOrd="0" destOrd="0" presId="urn:microsoft.com/office/officeart/2008/layout/LinedList"/>
    <dgm:cxn modelId="{FBB489A4-348A-4F65-A772-5C5F4BF7EC68}" type="presParOf" srcId="{12C14E25-DE3D-4B18-85BD-9A6309D4FEFA}" destId="{AA9964EA-AFCA-470F-B42D-EC61F24BF184}" srcOrd="1" destOrd="0" presId="urn:microsoft.com/office/officeart/2008/layout/LinedList"/>
    <dgm:cxn modelId="{3EAEEEF2-32A3-4DA6-BE64-2BD7429ABF52}" type="presParOf" srcId="{AA9964EA-AFCA-470F-B42D-EC61F24BF184}" destId="{01060CD5-D97E-4B52-A044-D8384A586454}" srcOrd="0" destOrd="0" presId="urn:microsoft.com/office/officeart/2008/layout/LinedList"/>
    <dgm:cxn modelId="{0F46ED01-2F9A-481A-9A22-CD83295D8273}" type="presParOf" srcId="{AA9964EA-AFCA-470F-B42D-EC61F24BF184}" destId="{CC43E170-D3E6-415E-810A-1044EB733844}" srcOrd="1" destOrd="0" presId="urn:microsoft.com/office/officeart/2008/layout/LinedList"/>
    <dgm:cxn modelId="{D59E2F18-4FC8-49DD-A378-ABD568904105}" type="presParOf" srcId="{AA9964EA-AFCA-470F-B42D-EC61F24BF184}" destId="{35BA87DB-4CCA-488E-94F4-EA9F19EAF061}" srcOrd="2" destOrd="0" presId="urn:microsoft.com/office/officeart/2008/layout/LinedList"/>
    <dgm:cxn modelId="{BE856453-BE8F-4DEB-9462-6E647CD3EFAF}" type="presParOf" srcId="{12C14E25-DE3D-4B18-85BD-9A6309D4FEFA}" destId="{5ECA0140-C6D0-4C1A-8EB7-D98CDCEE2038}" srcOrd="2" destOrd="0" presId="urn:microsoft.com/office/officeart/2008/layout/LinedList"/>
    <dgm:cxn modelId="{BFF35E13-04D1-4F47-97D0-526321FF8835}" type="presParOf" srcId="{12C14E25-DE3D-4B18-85BD-9A6309D4FEFA}" destId="{80F96EC9-BD4C-4445-B8AC-BBF84784916F}" srcOrd="3" destOrd="0" presId="urn:microsoft.com/office/officeart/2008/layout/LinedList"/>
    <dgm:cxn modelId="{61091269-B1B4-468C-B981-D84F2F388B77}" type="presParOf" srcId="{5DA32614-89A2-40ED-A732-8E8114107C33}" destId="{A6466FCF-B4FF-4706-9117-007FD33E001A}" srcOrd="2" destOrd="0" presId="urn:microsoft.com/office/officeart/2008/layout/LinedList"/>
    <dgm:cxn modelId="{C13D7E49-4541-4B2F-8496-92121502E306}" type="presParOf" srcId="{5DA32614-89A2-40ED-A732-8E8114107C33}" destId="{7E25087D-ADF6-488A-952D-4D5C78D75A0E}" srcOrd="3" destOrd="0" presId="urn:microsoft.com/office/officeart/2008/layout/LinedList"/>
    <dgm:cxn modelId="{FC6DF72C-5C64-4BA6-8E39-51A0B60E65AD}" type="presParOf" srcId="{7E25087D-ADF6-488A-952D-4D5C78D75A0E}" destId="{DD2D5631-CC94-436E-8D9B-F60BADFD9B20}" srcOrd="0" destOrd="0" presId="urn:microsoft.com/office/officeart/2008/layout/LinedList"/>
    <dgm:cxn modelId="{27DF183C-A917-4318-B1EB-F3D0D74A1FC5}" type="presParOf" srcId="{7E25087D-ADF6-488A-952D-4D5C78D75A0E}" destId="{0AE519E8-7123-4E69-8FD3-CC54378AFE1B}" srcOrd="1" destOrd="0" presId="urn:microsoft.com/office/officeart/2008/layout/LinedList"/>
    <dgm:cxn modelId="{F9BCEDCD-1613-429B-9BEF-06AA55CC5EC4}" type="presParOf" srcId="{0AE519E8-7123-4E69-8FD3-CC54378AFE1B}" destId="{5C0E25B0-8CC8-4DFC-992D-10518EE4A4F7}" srcOrd="0" destOrd="0" presId="urn:microsoft.com/office/officeart/2008/layout/LinedList"/>
    <dgm:cxn modelId="{212C11F6-8471-42F1-A295-811F548D93E6}" type="presParOf" srcId="{0AE519E8-7123-4E69-8FD3-CC54378AFE1B}" destId="{98EBA52C-A452-4227-959D-FB20C8E04846}" srcOrd="1" destOrd="0" presId="urn:microsoft.com/office/officeart/2008/layout/LinedList"/>
    <dgm:cxn modelId="{FF7D0747-B0AE-4693-9676-CA5D78ED0B33}" type="presParOf" srcId="{98EBA52C-A452-4227-959D-FB20C8E04846}" destId="{F9F5FE78-86C9-42A7-BB17-236BCAEC323B}" srcOrd="0" destOrd="0" presId="urn:microsoft.com/office/officeart/2008/layout/LinedList"/>
    <dgm:cxn modelId="{BAB338F4-23C9-4805-8006-C7A85B028DB8}" type="presParOf" srcId="{98EBA52C-A452-4227-959D-FB20C8E04846}" destId="{6F472896-C7F0-40A2-A9F8-3B1D7C7243FB}" srcOrd="1" destOrd="0" presId="urn:microsoft.com/office/officeart/2008/layout/LinedList"/>
    <dgm:cxn modelId="{9DC69756-7143-4624-BEB3-A4313ED6E21A}" type="presParOf" srcId="{98EBA52C-A452-4227-959D-FB20C8E04846}" destId="{F246FB3F-9382-4497-84B9-4703D2126402}" srcOrd="2" destOrd="0" presId="urn:microsoft.com/office/officeart/2008/layout/LinedList"/>
    <dgm:cxn modelId="{4C1D73AA-DBD4-46F7-866A-9C5057127724}" type="presParOf" srcId="{0AE519E8-7123-4E69-8FD3-CC54378AFE1B}" destId="{63E33E6C-E280-4632-8B76-5269B3BA5C8D}" srcOrd="2" destOrd="0" presId="urn:microsoft.com/office/officeart/2008/layout/LinedList"/>
    <dgm:cxn modelId="{66E9193E-63A0-4B0F-94BB-96D9DBFEB7EA}" type="presParOf" srcId="{0AE519E8-7123-4E69-8FD3-CC54378AFE1B}" destId="{5EBD4CDB-9898-46A8-B739-8E227CD4483F}" srcOrd="3" destOrd="0" presId="urn:microsoft.com/office/officeart/2008/layout/LinedList"/>
    <dgm:cxn modelId="{AF95655D-A7A7-4F32-8A56-DD1B51152BED}" type="presParOf" srcId="{5DA32614-89A2-40ED-A732-8E8114107C33}" destId="{967B8AC2-B626-4033-911A-31AD6AA0AF0D}" srcOrd="4" destOrd="0" presId="urn:microsoft.com/office/officeart/2008/layout/LinedList"/>
    <dgm:cxn modelId="{09A8373A-CBCF-4C66-97DD-5BB4B12FD0A4}" type="presParOf" srcId="{5DA32614-89A2-40ED-A732-8E8114107C33}" destId="{AD31391C-9496-44D2-8DA9-2DEA250FB23A}" srcOrd="5" destOrd="0" presId="urn:microsoft.com/office/officeart/2008/layout/LinedList"/>
    <dgm:cxn modelId="{3C8CB2DA-DB5E-4F18-8271-3D60A3A094F2}" type="presParOf" srcId="{AD31391C-9496-44D2-8DA9-2DEA250FB23A}" destId="{0314EA6E-EEBE-4E47-9DB1-7FC086989948}" srcOrd="0" destOrd="0" presId="urn:microsoft.com/office/officeart/2008/layout/LinedList"/>
    <dgm:cxn modelId="{45267854-31B3-453A-8127-8BAD728F0FF5}" type="presParOf" srcId="{AD31391C-9496-44D2-8DA9-2DEA250FB23A}" destId="{293EB8DF-91C6-4127-A722-DA43850798FE}" srcOrd="1" destOrd="0" presId="urn:microsoft.com/office/officeart/2008/layout/LinedList"/>
    <dgm:cxn modelId="{D81E9D75-DEF2-4628-8D88-5C89A97D7DC5}" type="presParOf" srcId="{293EB8DF-91C6-4127-A722-DA43850798FE}" destId="{7FA99EEF-86D6-4E23-A339-C7B7628F050C}" srcOrd="0" destOrd="0" presId="urn:microsoft.com/office/officeart/2008/layout/LinedList"/>
    <dgm:cxn modelId="{E513E03B-AAB3-492D-A7B6-B947EA0AD8DA}" type="presParOf" srcId="{293EB8DF-91C6-4127-A722-DA43850798FE}" destId="{1615F134-C10C-4976-95BB-630AA1B66131}" srcOrd="1" destOrd="0" presId="urn:microsoft.com/office/officeart/2008/layout/LinedList"/>
    <dgm:cxn modelId="{63E14E66-9D47-4EB0-B988-22AA3ED1D8A7}" type="presParOf" srcId="{1615F134-C10C-4976-95BB-630AA1B66131}" destId="{5FC1706A-E8A0-4798-97B1-D932BBB3A6C6}" srcOrd="0" destOrd="0" presId="urn:microsoft.com/office/officeart/2008/layout/LinedList"/>
    <dgm:cxn modelId="{B9DC25A8-9F89-47E1-AFD2-FC044763DFA9}" type="presParOf" srcId="{1615F134-C10C-4976-95BB-630AA1B66131}" destId="{2B64680B-F4B7-4968-81AC-AD7DE9DC36A0}" srcOrd="1" destOrd="0" presId="urn:microsoft.com/office/officeart/2008/layout/LinedList"/>
    <dgm:cxn modelId="{3FDD69DF-E1D8-40B7-949E-E13E20AE431A}" type="presParOf" srcId="{1615F134-C10C-4976-95BB-630AA1B66131}" destId="{53C6FDE8-0F8C-41AF-A245-692A31A0294B}" srcOrd="2" destOrd="0" presId="urn:microsoft.com/office/officeart/2008/layout/LinedList"/>
    <dgm:cxn modelId="{EA0C81C3-E712-49C0-BF9A-20711143A8EF}" type="presParOf" srcId="{53C6FDE8-0F8C-41AF-A245-692A31A0294B}" destId="{C8356996-898E-4E97-88CD-A3DF77B72652}" srcOrd="0" destOrd="0" presId="urn:microsoft.com/office/officeart/2008/layout/LinedList"/>
    <dgm:cxn modelId="{40CA6ED6-B039-472E-B1E4-DCB082972D1C}" type="presParOf" srcId="{C8356996-898E-4E97-88CD-A3DF77B72652}" destId="{10CAE0E4-E9A7-42F8-ACD5-9616BE223FEA}" srcOrd="0" destOrd="0" presId="urn:microsoft.com/office/officeart/2008/layout/LinedList"/>
    <dgm:cxn modelId="{DB61106E-9A35-45B4-8FEE-5B7A65D5F02E}" type="presParOf" srcId="{C8356996-898E-4E97-88CD-A3DF77B72652}" destId="{85796C7A-13AD-4F9A-9ADD-DF441709AB1A}" srcOrd="1" destOrd="0" presId="urn:microsoft.com/office/officeart/2008/layout/LinedList"/>
    <dgm:cxn modelId="{F746F2E6-B9AC-48DF-912E-8BF93BD502F4}" type="presParOf" srcId="{C8356996-898E-4E97-88CD-A3DF77B72652}" destId="{E1DB3CE4-C414-44A6-867E-64B4CB1FA542}" srcOrd="2" destOrd="0" presId="urn:microsoft.com/office/officeart/2008/layout/LinedList"/>
    <dgm:cxn modelId="{0DF5A77F-6FB0-4A57-88AE-811BCEF80737}" type="presParOf" srcId="{53C6FDE8-0F8C-41AF-A245-692A31A0294B}" destId="{B003BEEA-31CF-4134-82C7-2A0EC18D8E85}" srcOrd="1" destOrd="0" presId="urn:microsoft.com/office/officeart/2008/layout/LinedList"/>
    <dgm:cxn modelId="{E1176F1F-2CC5-433A-AFB2-CC3086A99AD4}" type="presParOf" srcId="{53C6FDE8-0F8C-41AF-A245-692A31A0294B}" destId="{7AE952C8-5322-4979-BC76-CA3EB274C613}" srcOrd="2" destOrd="0" presId="urn:microsoft.com/office/officeart/2008/layout/LinedList"/>
    <dgm:cxn modelId="{83EF0B57-7A11-41B1-8FF2-0EFE08FDD3E0}" type="presParOf" srcId="{7AE952C8-5322-4979-BC76-CA3EB274C613}" destId="{465A1229-03CE-400F-A996-3F77C0588EB3}" srcOrd="0" destOrd="0" presId="urn:microsoft.com/office/officeart/2008/layout/LinedList"/>
    <dgm:cxn modelId="{87C8F816-3672-4864-AFAE-1ECE213641D2}" type="presParOf" srcId="{7AE952C8-5322-4979-BC76-CA3EB274C613}" destId="{5D0AF354-3D41-454A-BCAF-13ABF11235F1}" srcOrd="1" destOrd="0" presId="urn:microsoft.com/office/officeart/2008/layout/LinedList"/>
    <dgm:cxn modelId="{86310507-67CE-4F80-993A-36577C9DE281}" type="presParOf" srcId="{7AE952C8-5322-4979-BC76-CA3EB274C613}" destId="{790BA02B-509B-439A-96C4-A53150C4C6EE}" srcOrd="2" destOrd="0" presId="urn:microsoft.com/office/officeart/2008/layout/LinedList"/>
    <dgm:cxn modelId="{1566F5BF-20D3-47BB-BF2C-D72B8B3643F6}" type="presParOf" srcId="{53C6FDE8-0F8C-41AF-A245-692A31A0294B}" destId="{4D52F3A1-16EA-4DC1-8469-F9F990F007FA}" srcOrd="3" destOrd="0" presId="urn:microsoft.com/office/officeart/2008/layout/LinedList"/>
    <dgm:cxn modelId="{B157CF1A-AD01-4018-8F78-5ABE6389B06C}" type="presParOf" srcId="{53C6FDE8-0F8C-41AF-A245-692A31A0294B}" destId="{3963B5A4-0007-46C2-BD91-DB60DAD1EB10}" srcOrd="4" destOrd="0" presId="urn:microsoft.com/office/officeart/2008/layout/LinedList"/>
    <dgm:cxn modelId="{8D1C2921-B2B0-41F2-AF57-EB3209116043}" type="presParOf" srcId="{3963B5A4-0007-46C2-BD91-DB60DAD1EB10}" destId="{77C66538-EEE9-4EFE-936E-DFD4DF78B7BF}" srcOrd="0" destOrd="0" presId="urn:microsoft.com/office/officeart/2008/layout/LinedList"/>
    <dgm:cxn modelId="{049CA032-E7EA-4588-9BA6-5DD33E332C7D}" type="presParOf" srcId="{3963B5A4-0007-46C2-BD91-DB60DAD1EB10}" destId="{84024F30-FCC6-444D-BEAC-3991D842AEAF}" srcOrd="1" destOrd="0" presId="urn:microsoft.com/office/officeart/2008/layout/LinedList"/>
    <dgm:cxn modelId="{262599C3-CD35-490C-8ACA-60E3888AE33E}" type="presParOf" srcId="{3963B5A4-0007-46C2-BD91-DB60DAD1EB10}" destId="{8379A9EF-8910-4999-9AA6-E2373CA78FE6}" srcOrd="2" destOrd="0" presId="urn:microsoft.com/office/officeart/2008/layout/LinedList"/>
    <dgm:cxn modelId="{B73A7CEC-E648-4390-9DCA-FC7D0A961904}" type="presParOf" srcId="{293EB8DF-91C6-4127-A722-DA43850798FE}" destId="{DB684FDC-ED68-4050-901C-CC2BECA927DE}" srcOrd="2" destOrd="0" presId="urn:microsoft.com/office/officeart/2008/layout/LinedList"/>
    <dgm:cxn modelId="{FCC54A22-66C9-4D92-8DFA-9358D46FD8F6}" type="presParOf" srcId="{293EB8DF-91C6-4127-A722-DA43850798FE}" destId="{FFF5EAC8-6898-4517-B047-19AA829F457F}" srcOrd="3" destOrd="0" presId="urn:microsoft.com/office/officeart/2008/layout/LinedList"/>
    <dgm:cxn modelId="{44E3BB3A-C536-492F-A5EA-B01F471B808D}" type="presParOf" srcId="{5DA32614-89A2-40ED-A732-8E8114107C33}" destId="{D30E4EE1-4B82-4193-8037-C21A281A18ED}" srcOrd="6" destOrd="0" presId="urn:microsoft.com/office/officeart/2008/layout/LinedList"/>
    <dgm:cxn modelId="{EAC81205-6BCA-4794-9953-A137C1530A4E}" type="presParOf" srcId="{5DA32614-89A2-40ED-A732-8E8114107C33}" destId="{BDE2BC90-2049-4F0C-A882-8751B0D5ECA9}" srcOrd="7" destOrd="0" presId="urn:microsoft.com/office/officeart/2008/layout/LinedList"/>
    <dgm:cxn modelId="{F536A647-B037-4C5C-A0F4-3B5099CC1AD0}" type="presParOf" srcId="{BDE2BC90-2049-4F0C-A882-8751B0D5ECA9}" destId="{92E3F3E1-8C9F-4CBC-A610-EAE7F7128C54}" srcOrd="0" destOrd="0" presId="urn:microsoft.com/office/officeart/2008/layout/LinedList"/>
    <dgm:cxn modelId="{B00ACB3D-512C-41CB-90D6-DDD0291C25A7}" type="presParOf" srcId="{BDE2BC90-2049-4F0C-A882-8751B0D5ECA9}" destId="{93A94B45-83F9-47A8-99F3-619A0E65D3C7}" srcOrd="1" destOrd="0" presId="urn:microsoft.com/office/officeart/2008/layout/LinedList"/>
    <dgm:cxn modelId="{C968DA5E-518D-470E-97F7-6A925D8A222A}" type="presParOf" srcId="{93A94B45-83F9-47A8-99F3-619A0E65D3C7}" destId="{ABE8187F-AA17-4719-A8AE-F2E95E17457C}" srcOrd="0" destOrd="0" presId="urn:microsoft.com/office/officeart/2008/layout/LinedList"/>
    <dgm:cxn modelId="{0A2F6869-1454-4259-A5DD-BA5F4AE5642D}" type="presParOf" srcId="{93A94B45-83F9-47A8-99F3-619A0E65D3C7}" destId="{B4674A23-32B9-40BD-979D-A17737FC5A52}" srcOrd="1" destOrd="0" presId="urn:microsoft.com/office/officeart/2008/layout/LinedList"/>
    <dgm:cxn modelId="{6D712E70-ECBD-4EDC-AC69-DC314CFE670A}" type="presParOf" srcId="{B4674A23-32B9-40BD-979D-A17737FC5A52}" destId="{CB9A5C07-BFBD-4E7F-82CB-AA78E54C38A9}" srcOrd="0" destOrd="0" presId="urn:microsoft.com/office/officeart/2008/layout/LinedList"/>
    <dgm:cxn modelId="{88DDA673-AA52-44B8-A5D1-27FAE569A2AE}" type="presParOf" srcId="{B4674A23-32B9-40BD-979D-A17737FC5A52}" destId="{1B38EF1C-9717-4BB6-9F3A-BBAA323EA4F4}" srcOrd="1" destOrd="0" presId="urn:microsoft.com/office/officeart/2008/layout/LinedList"/>
    <dgm:cxn modelId="{ADB9DC9D-1B12-4597-80D2-E0E09B4E15E0}" type="presParOf" srcId="{B4674A23-32B9-40BD-979D-A17737FC5A52}" destId="{36F03727-84C5-4B89-AC31-6E836F654078}" srcOrd="2" destOrd="0" presId="urn:microsoft.com/office/officeart/2008/layout/LinedList"/>
    <dgm:cxn modelId="{1CFB4FB4-49D3-4E22-9E2F-B6AA1EA23804}" type="presParOf" srcId="{93A94B45-83F9-47A8-99F3-619A0E65D3C7}" destId="{5C401696-95A5-4FA8-ABBB-58F919CCF840}" srcOrd="2" destOrd="0" presId="urn:microsoft.com/office/officeart/2008/layout/LinedList"/>
    <dgm:cxn modelId="{487F7CD1-F7B9-4EA7-9861-B362F3D617BF}" type="presParOf" srcId="{93A94B45-83F9-47A8-99F3-619A0E65D3C7}" destId="{F95DCB80-45CC-4763-BBEF-330D12E080C9}" srcOrd="3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506043B4-4511-4F2F-94CC-CCB3E8295554}" type="doc">
      <dgm:prSet loTypeId="urn:microsoft.com/office/officeart/2018/2/layout/IconCircleList" loCatId="icon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D0342CC6-020E-435E-B885-00255737C5B4}">
      <dgm:prSet/>
      <dgm:spPr/>
      <dgm:t>
        <a:bodyPr/>
        <a:lstStyle/>
        <a:p>
          <a:r>
            <a:rPr lang="en-IN"/>
            <a:t>Measure and compare structuring statistics</a:t>
          </a:r>
          <a:endParaRPr lang="en-US"/>
        </a:p>
      </dgm:t>
    </dgm:pt>
    <dgm:pt modelId="{4E7D4F0D-3B84-405C-8659-D8A6868592EE}" type="parTrans" cxnId="{86D494FA-E9EE-4BDA-B887-C09D689A39B4}">
      <dgm:prSet/>
      <dgm:spPr/>
      <dgm:t>
        <a:bodyPr/>
        <a:lstStyle/>
        <a:p>
          <a:endParaRPr lang="en-US"/>
        </a:p>
      </dgm:t>
    </dgm:pt>
    <dgm:pt modelId="{AED57B0B-A2AF-4EA4-AB11-20F90E74AF2A}" type="sibTrans" cxnId="{86D494FA-E9EE-4BDA-B887-C09D689A39B4}">
      <dgm:prSet/>
      <dgm:spPr/>
      <dgm:t>
        <a:bodyPr/>
        <a:lstStyle/>
        <a:p>
          <a:endParaRPr lang="en-US"/>
        </a:p>
      </dgm:t>
    </dgm:pt>
    <dgm:pt modelId="{D925CFD6-51D8-482E-8E43-E85E504673F1}">
      <dgm:prSet/>
      <dgm:spPr/>
      <dgm:t>
        <a:bodyPr/>
        <a:lstStyle/>
        <a:p>
          <a:r>
            <a:rPr lang="en-IN"/>
            <a:t>Measure and compare grammar frequencies </a:t>
          </a:r>
          <a:endParaRPr lang="en-US"/>
        </a:p>
      </dgm:t>
    </dgm:pt>
    <dgm:pt modelId="{95F6A1F7-5C1B-48D9-9B1C-ABB6E43653A7}" type="parTrans" cxnId="{BEC7FEC9-ABAF-4EF7-892C-E3DA448585AD}">
      <dgm:prSet/>
      <dgm:spPr/>
      <dgm:t>
        <a:bodyPr/>
        <a:lstStyle/>
        <a:p>
          <a:endParaRPr lang="en-US"/>
        </a:p>
      </dgm:t>
    </dgm:pt>
    <dgm:pt modelId="{E4B2E1D7-627A-4594-9537-CEBFE94BF74C}" type="sibTrans" cxnId="{BEC7FEC9-ABAF-4EF7-892C-E3DA448585AD}">
      <dgm:prSet/>
      <dgm:spPr/>
      <dgm:t>
        <a:bodyPr/>
        <a:lstStyle/>
        <a:p>
          <a:endParaRPr lang="en-US"/>
        </a:p>
      </dgm:t>
    </dgm:pt>
    <dgm:pt modelId="{12966432-3C79-4FBA-97AC-4134E7D9F110}">
      <dgm:prSet/>
      <dgm:spPr/>
      <dgm:t>
        <a:bodyPr/>
        <a:lstStyle/>
        <a:p>
          <a:endParaRPr lang="en-US"/>
        </a:p>
      </dgm:t>
    </dgm:pt>
    <dgm:pt modelId="{4E7482F0-6CBA-4EE2-A3FB-DB9275A19C00}" type="parTrans" cxnId="{5443B1A3-17BE-498D-879D-8A1804D0424C}">
      <dgm:prSet/>
      <dgm:spPr/>
      <dgm:t>
        <a:bodyPr/>
        <a:lstStyle/>
        <a:p>
          <a:endParaRPr lang="en-US"/>
        </a:p>
      </dgm:t>
    </dgm:pt>
    <dgm:pt modelId="{9ED8040A-1559-455D-ACB2-9C67094A3D65}" type="sibTrans" cxnId="{5443B1A3-17BE-498D-879D-8A1804D0424C}">
      <dgm:prSet/>
      <dgm:spPr/>
      <dgm:t>
        <a:bodyPr/>
        <a:lstStyle/>
        <a:p>
          <a:endParaRPr lang="en-US"/>
        </a:p>
      </dgm:t>
    </dgm:pt>
    <dgm:pt modelId="{69A58718-E6F6-43DA-ACCD-873089099673}">
      <dgm:prSet/>
      <dgm:spPr/>
      <dgm:t>
        <a:bodyPr/>
        <a:lstStyle/>
        <a:p>
          <a:r>
            <a:rPr lang="en-IN"/>
            <a:t>Measure and compare readability scores</a:t>
          </a:r>
          <a:endParaRPr lang="en-US"/>
        </a:p>
      </dgm:t>
    </dgm:pt>
    <dgm:pt modelId="{CD212FA5-1903-4F6A-9571-B0CB5B3B8042}" type="parTrans" cxnId="{DC7CFB28-A4E4-43E5-94FA-589A3AE6EE9D}">
      <dgm:prSet/>
      <dgm:spPr/>
      <dgm:t>
        <a:bodyPr/>
        <a:lstStyle/>
        <a:p>
          <a:endParaRPr lang="en-US"/>
        </a:p>
      </dgm:t>
    </dgm:pt>
    <dgm:pt modelId="{2A9FC581-017E-4DDD-BBDE-2DC1184ED3D4}" type="sibTrans" cxnId="{DC7CFB28-A4E4-43E5-94FA-589A3AE6EE9D}">
      <dgm:prSet/>
      <dgm:spPr/>
      <dgm:t>
        <a:bodyPr/>
        <a:lstStyle/>
        <a:p>
          <a:endParaRPr lang="en-US"/>
        </a:p>
      </dgm:t>
    </dgm:pt>
    <dgm:pt modelId="{564091AD-D4CE-4430-A080-7B65F5DD0CA5}">
      <dgm:prSet/>
      <dgm:spPr/>
      <dgm:t>
        <a:bodyPr/>
        <a:lstStyle/>
        <a:p>
          <a:r>
            <a:rPr lang="en-IN"/>
            <a:t>Measure and compare count statistics </a:t>
          </a:r>
          <a:endParaRPr lang="en-US"/>
        </a:p>
      </dgm:t>
    </dgm:pt>
    <dgm:pt modelId="{5DE7FE0A-6006-4322-B178-9F6234011A2B}" type="parTrans" cxnId="{8100AB04-E86D-47CE-8DD3-D155B8BA726D}">
      <dgm:prSet/>
      <dgm:spPr/>
      <dgm:t>
        <a:bodyPr/>
        <a:lstStyle/>
        <a:p>
          <a:endParaRPr lang="en-US"/>
        </a:p>
      </dgm:t>
    </dgm:pt>
    <dgm:pt modelId="{D5069CB9-5CFC-4B76-AB51-879322CFABF8}" type="sibTrans" cxnId="{8100AB04-E86D-47CE-8DD3-D155B8BA726D}">
      <dgm:prSet/>
      <dgm:spPr/>
      <dgm:t>
        <a:bodyPr/>
        <a:lstStyle/>
        <a:p>
          <a:endParaRPr lang="en-US"/>
        </a:p>
      </dgm:t>
    </dgm:pt>
    <dgm:pt modelId="{050D6D94-383F-42BF-82C8-0FA388D654EA}" type="pres">
      <dgm:prSet presAssocID="{506043B4-4511-4F2F-94CC-CCB3E8295554}" presName="root" presStyleCnt="0">
        <dgm:presLayoutVars>
          <dgm:dir/>
          <dgm:resizeHandles val="exact"/>
        </dgm:presLayoutVars>
      </dgm:prSet>
      <dgm:spPr/>
    </dgm:pt>
    <dgm:pt modelId="{B57B457E-CC4B-433E-91D1-23DBE3B5007B}" type="pres">
      <dgm:prSet presAssocID="{506043B4-4511-4F2F-94CC-CCB3E8295554}" presName="container" presStyleCnt="0">
        <dgm:presLayoutVars>
          <dgm:dir/>
          <dgm:resizeHandles val="exact"/>
        </dgm:presLayoutVars>
      </dgm:prSet>
      <dgm:spPr/>
    </dgm:pt>
    <dgm:pt modelId="{AC833107-9312-4547-8E67-5E003F0342CC}" type="pres">
      <dgm:prSet presAssocID="{D0342CC6-020E-435E-B885-00255737C5B4}" presName="compNode" presStyleCnt="0"/>
      <dgm:spPr/>
    </dgm:pt>
    <dgm:pt modelId="{451945BD-A705-4F43-9EE7-75AE53E329BE}" type="pres">
      <dgm:prSet presAssocID="{D0342CC6-020E-435E-B885-00255737C5B4}" presName="iconBgRect" presStyleLbl="bgShp" presStyleIdx="0" presStyleCnt="4"/>
      <dgm:spPr/>
    </dgm:pt>
    <dgm:pt modelId="{BB929ECB-3DFE-4CBC-A6D9-C6B4CDFF4D35}" type="pres">
      <dgm:prSet presAssocID="{D0342CC6-020E-435E-B885-00255737C5B4}" presName="iconRect" presStyleLbl="node1" presStyleIdx="0" presStyleCnt="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ar chart"/>
        </a:ext>
      </dgm:extLst>
    </dgm:pt>
    <dgm:pt modelId="{0B9E91A4-6B60-4D00-93A0-15030FFDA5F6}" type="pres">
      <dgm:prSet presAssocID="{D0342CC6-020E-435E-B885-00255737C5B4}" presName="spaceRect" presStyleCnt="0"/>
      <dgm:spPr/>
    </dgm:pt>
    <dgm:pt modelId="{C6B8CEAD-C7AF-46AD-A005-CCBABA1DC010}" type="pres">
      <dgm:prSet presAssocID="{D0342CC6-020E-435E-B885-00255737C5B4}" presName="textRect" presStyleLbl="revTx" presStyleIdx="0" presStyleCnt="4">
        <dgm:presLayoutVars>
          <dgm:chMax val="1"/>
          <dgm:chPref val="1"/>
        </dgm:presLayoutVars>
      </dgm:prSet>
      <dgm:spPr/>
    </dgm:pt>
    <dgm:pt modelId="{4C3789E4-D3A3-481A-A546-8009EC6992AE}" type="pres">
      <dgm:prSet presAssocID="{AED57B0B-A2AF-4EA4-AB11-20F90E74AF2A}" presName="sibTrans" presStyleLbl="sibTrans2D1" presStyleIdx="0" presStyleCnt="0"/>
      <dgm:spPr/>
    </dgm:pt>
    <dgm:pt modelId="{D327BBC7-6A78-4E3D-9BEC-7D0B03AEDEAC}" type="pres">
      <dgm:prSet presAssocID="{D925CFD6-51D8-482E-8E43-E85E504673F1}" presName="compNode" presStyleCnt="0"/>
      <dgm:spPr/>
    </dgm:pt>
    <dgm:pt modelId="{6AD8C419-3290-47DB-A9FC-049A44BB9D8E}" type="pres">
      <dgm:prSet presAssocID="{D925CFD6-51D8-482E-8E43-E85E504673F1}" presName="iconBgRect" presStyleLbl="bgShp" presStyleIdx="1" presStyleCnt="4"/>
      <dgm:spPr/>
    </dgm:pt>
    <dgm:pt modelId="{267C099F-4E82-4636-AF87-0E96DAAAE390}" type="pres">
      <dgm:prSet presAssocID="{D925CFD6-51D8-482E-8E43-E85E504673F1}" presName="iconRect" presStyleLbl="node1" presStyleIdx="1" presStyleCnt="4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heckmark"/>
        </a:ext>
      </dgm:extLst>
    </dgm:pt>
    <dgm:pt modelId="{B6B885DA-6BBD-419F-9C57-AC81518B00F4}" type="pres">
      <dgm:prSet presAssocID="{D925CFD6-51D8-482E-8E43-E85E504673F1}" presName="spaceRect" presStyleCnt="0"/>
      <dgm:spPr/>
    </dgm:pt>
    <dgm:pt modelId="{85F9C642-5E40-48CE-AEBF-E965131839D3}" type="pres">
      <dgm:prSet presAssocID="{D925CFD6-51D8-482E-8E43-E85E504673F1}" presName="textRect" presStyleLbl="revTx" presStyleIdx="1" presStyleCnt="4">
        <dgm:presLayoutVars>
          <dgm:chMax val="1"/>
          <dgm:chPref val="1"/>
        </dgm:presLayoutVars>
      </dgm:prSet>
      <dgm:spPr/>
    </dgm:pt>
    <dgm:pt modelId="{C1DB5B75-1859-46DF-9CA6-E80A7CF204A8}" type="pres">
      <dgm:prSet presAssocID="{E4B2E1D7-627A-4594-9537-CEBFE94BF74C}" presName="sibTrans" presStyleLbl="sibTrans2D1" presStyleIdx="0" presStyleCnt="0"/>
      <dgm:spPr/>
    </dgm:pt>
    <dgm:pt modelId="{BF1DF863-DDD9-499E-9708-1B10BA09FBE5}" type="pres">
      <dgm:prSet presAssocID="{69A58718-E6F6-43DA-ACCD-873089099673}" presName="compNode" presStyleCnt="0"/>
      <dgm:spPr/>
    </dgm:pt>
    <dgm:pt modelId="{C8029029-9AEB-442F-83F3-68EB337FDCA6}" type="pres">
      <dgm:prSet presAssocID="{69A58718-E6F6-43DA-ACCD-873089099673}" presName="iconBgRect" presStyleLbl="bgShp" presStyleIdx="2" presStyleCnt="4"/>
      <dgm:spPr/>
    </dgm:pt>
    <dgm:pt modelId="{74A60455-3D48-4EC1-A4CC-4DFBF568F84D}" type="pres">
      <dgm:prSet presAssocID="{69A58718-E6F6-43DA-ACCD-873089099673}" presName="iconRect" presStyleLbl="node1" presStyleIdx="2" presStyleCnt="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Ruler"/>
        </a:ext>
      </dgm:extLst>
    </dgm:pt>
    <dgm:pt modelId="{C7E32C1C-70EE-42F4-AA8F-ECD812D40DC0}" type="pres">
      <dgm:prSet presAssocID="{69A58718-E6F6-43DA-ACCD-873089099673}" presName="spaceRect" presStyleCnt="0"/>
      <dgm:spPr/>
    </dgm:pt>
    <dgm:pt modelId="{AE518B8B-BA60-4761-9993-1D278E750776}" type="pres">
      <dgm:prSet presAssocID="{69A58718-E6F6-43DA-ACCD-873089099673}" presName="textRect" presStyleLbl="revTx" presStyleIdx="2" presStyleCnt="4">
        <dgm:presLayoutVars>
          <dgm:chMax val="1"/>
          <dgm:chPref val="1"/>
        </dgm:presLayoutVars>
      </dgm:prSet>
      <dgm:spPr/>
    </dgm:pt>
    <dgm:pt modelId="{F6E6D9DD-65EB-49BD-913B-859BF4FD8548}" type="pres">
      <dgm:prSet presAssocID="{2A9FC581-017E-4DDD-BBDE-2DC1184ED3D4}" presName="sibTrans" presStyleLbl="sibTrans2D1" presStyleIdx="0" presStyleCnt="0"/>
      <dgm:spPr/>
    </dgm:pt>
    <dgm:pt modelId="{ED8EF82A-75BA-40A7-AE9C-600ABCFA104E}" type="pres">
      <dgm:prSet presAssocID="{564091AD-D4CE-4430-A080-7B65F5DD0CA5}" presName="compNode" presStyleCnt="0"/>
      <dgm:spPr/>
    </dgm:pt>
    <dgm:pt modelId="{9600B223-991D-43E6-8F0D-ABE66C5A6F81}" type="pres">
      <dgm:prSet presAssocID="{564091AD-D4CE-4430-A080-7B65F5DD0CA5}" presName="iconBgRect" presStyleLbl="bgShp" presStyleIdx="3" presStyleCnt="4"/>
      <dgm:spPr/>
    </dgm:pt>
    <dgm:pt modelId="{E52C4C4B-3634-40AD-9CEE-C4E04754A67C}" type="pres">
      <dgm:prSet presAssocID="{564091AD-D4CE-4430-A080-7B65F5DD0CA5}" presName="iconRect" presStyleLbl="node1" presStyleIdx="3" presStyleCnt="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alculator"/>
        </a:ext>
      </dgm:extLst>
    </dgm:pt>
    <dgm:pt modelId="{A6FDEF9B-2049-43AA-B7B6-59BE73CE3FC7}" type="pres">
      <dgm:prSet presAssocID="{564091AD-D4CE-4430-A080-7B65F5DD0CA5}" presName="spaceRect" presStyleCnt="0"/>
      <dgm:spPr/>
    </dgm:pt>
    <dgm:pt modelId="{E9DAF68C-38AD-4F42-9954-0CF1BDFCFFD0}" type="pres">
      <dgm:prSet presAssocID="{564091AD-D4CE-4430-A080-7B65F5DD0CA5}" presName="textRect" presStyleLbl="revTx" presStyleIdx="3" presStyleCnt="4">
        <dgm:presLayoutVars>
          <dgm:chMax val="1"/>
          <dgm:chPref val="1"/>
        </dgm:presLayoutVars>
      </dgm:prSet>
      <dgm:spPr/>
    </dgm:pt>
  </dgm:ptLst>
  <dgm:cxnLst>
    <dgm:cxn modelId="{8100AB04-E86D-47CE-8DD3-D155B8BA726D}" srcId="{506043B4-4511-4F2F-94CC-CCB3E8295554}" destId="{564091AD-D4CE-4430-A080-7B65F5DD0CA5}" srcOrd="3" destOrd="0" parTransId="{5DE7FE0A-6006-4322-B178-9F6234011A2B}" sibTransId="{D5069CB9-5CFC-4B76-AB51-879322CFABF8}"/>
    <dgm:cxn modelId="{64D0D410-C6E1-40F8-812E-37954BFF87AA}" type="presOf" srcId="{AED57B0B-A2AF-4EA4-AB11-20F90E74AF2A}" destId="{4C3789E4-D3A3-481A-A546-8009EC6992AE}" srcOrd="0" destOrd="0" presId="urn:microsoft.com/office/officeart/2018/2/layout/IconCircleList"/>
    <dgm:cxn modelId="{DC7CFB28-A4E4-43E5-94FA-589A3AE6EE9D}" srcId="{506043B4-4511-4F2F-94CC-CCB3E8295554}" destId="{69A58718-E6F6-43DA-ACCD-873089099673}" srcOrd="2" destOrd="0" parTransId="{CD212FA5-1903-4F6A-9571-B0CB5B3B8042}" sibTransId="{2A9FC581-017E-4DDD-BBDE-2DC1184ED3D4}"/>
    <dgm:cxn modelId="{CF737A61-C9F0-497F-A7D5-329CF76F1062}" type="presOf" srcId="{2A9FC581-017E-4DDD-BBDE-2DC1184ED3D4}" destId="{F6E6D9DD-65EB-49BD-913B-859BF4FD8548}" srcOrd="0" destOrd="0" presId="urn:microsoft.com/office/officeart/2018/2/layout/IconCircleList"/>
    <dgm:cxn modelId="{E40D184D-8017-4C5C-919A-58F55C475004}" type="presOf" srcId="{506043B4-4511-4F2F-94CC-CCB3E8295554}" destId="{050D6D94-383F-42BF-82C8-0FA388D654EA}" srcOrd="0" destOrd="0" presId="urn:microsoft.com/office/officeart/2018/2/layout/IconCircleList"/>
    <dgm:cxn modelId="{5DC85051-18D2-480B-91CB-5A8DAC6EFE26}" type="presOf" srcId="{E4B2E1D7-627A-4594-9537-CEBFE94BF74C}" destId="{C1DB5B75-1859-46DF-9CA6-E80A7CF204A8}" srcOrd="0" destOrd="0" presId="urn:microsoft.com/office/officeart/2018/2/layout/IconCircleList"/>
    <dgm:cxn modelId="{5443B1A3-17BE-498D-879D-8A1804D0424C}" srcId="{D925CFD6-51D8-482E-8E43-E85E504673F1}" destId="{12966432-3C79-4FBA-97AC-4134E7D9F110}" srcOrd="0" destOrd="0" parTransId="{4E7482F0-6CBA-4EE2-A3FB-DB9275A19C00}" sibTransId="{9ED8040A-1559-455D-ACB2-9C67094A3D65}"/>
    <dgm:cxn modelId="{019B2DB3-DBEA-4348-8885-F7650FEC766C}" type="presOf" srcId="{69A58718-E6F6-43DA-ACCD-873089099673}" destId="{AE518B8B-BA60-4761-9993-1D278E750776}" srcOrd="0" destOrd="0" presId="urn:microsoft.com/office/officeart/2018/2/layout/IconCircleList"/>
    <dgm:cxn modelId="{BEC7FEC9-ABAF-4EF7-892C-E3DA448585AD}" srcId="{506043B4-4511-4F2F-94CC-CCB3E8295554}" destId="{D925CFD6-51D8-482E-8E43-E85E504673F1}" srcOrd="1" destOrd="0" parTransId="{95F6A1F7-5C1B-48D9-9B1C-ABB6E43653A7}" sibTransId="{E4B2E1D7-627A-4594-9537-CEBFE94BF74C}"/>
    <dgm:cxn modelId="{A8612DCC-9416-4AC2-8D45-FD169D167473}" type="presOf" srcId="{D0342CC6-020E-435E-B885-00255737C5B4}" destId="{C6B8CEAD-C7AF-46AD-A005-CCBABA1DC010}" srcOrd="0" destOrd="0" presId="urn:microsoft.com/office/officeart/2018/2/layout/IconCircleList"/>
    <dgm:cxn modelId="{866A36E0-7832-4C55-82B1-FB87AC07CB41}" type="presOf" srcId="{564091AD-D4CE-4430-A080-7B65F5DD0CA5}" destId="{E9DAF68C-38AD-4F42-9954-0CF1BDFCFFD0}" srcOrd="0" destOrd="0" presId="urn:microsoft.com/office/officeart/2018/2/layout/IconCircleList"/>
    <dgm:cxn modelId="{86D494FA-E9EE-4BDA-B887-C09D689A39B4}" srcId="{506043B4-4511-4F2F-94CC-CCB3E8295554}" destId="{D0342CC6-020E-435E-B885-00255737C5B4}" srcOrd="0" destOrd="0" parTransId="{4E7D4F0D-3B84-405C-8659-D8A6868592EE}" sibTransId="{AED57B0B-A2AF-4EA4-AB11-20F90E74AF2A}"/>
    <dgm:cxn modelId="{E02B1AFF-644B-47E1-9F76-CDC2D5DE2086}" type="presOf" srcId="{D925CFD6-51D8-482E-8E43-E85E504673F1}" destId="{85F9C642-5E40-48CE-AEBF-E965131839D3}" srcOrd="0" destOrd="0" presId="urn:microsoft.com/office/officeart/2018/2/layout/IconCircleList"/>
    <dgm:cxn modelId="{0DF004A3-5AD8-4BF8-A1EC-CAB617E94DDA}" type="presParOf" srcId="{050D6D94-383F-42BF-82C8-0FA388D654EA}" destId="{B57B457E-CC4B-433E-91D1-23DBE3B5007B}" srcOrd="0" destOrd="0" presId="urn:microsoft.com/office/officeart/2018/2/layout/IconCircleList"/>
    <dgm:cxn modelId="{C2A7AAE7-FDCC-4681-81B2-7051B9CBEFF4}" type="presParOf" srcId="{B57B457E-CC4B-433E-91D1-23DBE3B5007B}" destId="{AC833107-9312-4547-8E67-5E003F0342CC}" srcOrd="0" destOrd="0" presId="urn:microsoft.com/office/officeart/2018/2/layout/IconCircleList"/>
    <dgm:cxn modelId="{668F0F23-1E3C-4D14-A370-743877986937}" type="presParOf" srcId="{AC833107-9312-4547-8E67-5E003F0342CC}" destId="{451945BD-A705-4F43-9EE7-75AE53E329BE}" srcOrd="0" destOrd="0" presId="urn:microsoft.com/office/officeart/2018/2/layout/IconCircleList"/>
    <dgm:cxn modelId="{9BC2A619-C500-494B-87D3-4EED58FDCF99}" type="presParOf" srcId="{AC833107-9312-4547-8E67-5E003F0342CC}" destId="{BB929ECB-3DFE-4CBC-A6D9-C6B4CDFF4D35}" srcOrd="1" destOrd="0" presId="urn:microsoft.com/office/officeart/2018/2/layout/IconCircleList"/>
    <dgm:cxn modelId="{F7A95A6A-C450-4E06-BCF7-711CC925F7E1}" type="presParOf" srcId="{AC833107-9312-4547-8E67-5E003F0342CC}" destId="{0B9E91A4-6B60-4D00-93A0-15030FFDA5F6}" srcOrd="2" destOrd="0" presId="urn:microsoft.com/office/officeart/2018/2/layout/IconCircleList"/>
    <dgm:cxn modelId="{D4E95813-0345-452D-9F3A-B13A6E54B4B0}" type="presParOf" srcId="{AC833107-9312-4547-8E67-5E003F0342CC}" destId="{C6B8CEAD-C7AF-46AD-A005-CCBABA1DC010}" srcOrd="3" destOrd="0" presId="urn:microsoft.com/office/officeart/2018/2/layout/IconCircleList"/>
    <dgm:cxn modelId="{AEECF30A-EF24-4591-8865-C0FF02D624C8}" type="presParOf" srcId="{B57B457E-CC4B-433E-91D1-23DBE3B5007B}" destId="{4C3789E4-D3A3-481A-A546-8009EC6992AE}" srcOrd="1" destOrd="0" presId="urn:microsoft.com/office/officeart/2018/2/layout/IconCircleList"/>
    <dgm:cxn modelId="{367A78CE-E60F-4A2E-AFD7-11B2E6959A91}" type="presParOf" srcId="{B57B457E-CC4B-433E-91D1-23DBE3B5007B}" destId="{D327BBC7-6A78-4E3D-9BEC-7D0B03AEDEAC}" srcOrd="2" destOrd="0" presId="urn:microsoft.com/office/officeart/2018/2/layout/IconCircleList"/>
    <dgm:cxn modelId="{33A8959B-5F89-49EE-AC48-1BACE152B47E}" type="presParOf" srcId="{D327BBC7-6A78-4E3D-9BEC-7D0B03AEDEAC}" destId="{6AD8C419-3290-47DB-A9FC-049A44BB9D8E}" srcOrd="0" destOrd="0" presId="urn:microsoft.com/office/officeart/2018/2/layout/IconCircleList"/>
    <dgm:cxn modelId="{84811FC5-8021-46CA-809C-1BD4F9E0F3B5}" type="presParOf" srcId="{D327BBC7-6A78-4E3D-9BEC-7D0B03AEDEAC}" destId="{267C099F-4E82-4636-AF87-0E96DAAAE390}" srcOrd="1" destOrd="0" presId="urn:microsoft.com/office/officeart/2018/2/layout/IconCircleList"/>
    <dgm:cxn modelId="{FC965DBC-8E32-4094-9700-A1D7F3D8829B}" type="presParOf" srcId="{D327BBC7-6A78-4E3D-9BEC-7D0B03AEDEAC}" destId="{B6B885DA-6BBD-419F-9C57-AC81518B00F4}" srcOrd="2" destOrd="0" presId="urn:microsoft.com/office/officeart/2018/2/layout/IconCircleList"/>
    <dgm:cxn modelId="{145DF72F-F389-4613-BDB8-9D46A47CDA8E}" type="presParOf" srcId="{D327BBC7-6A78-4E3D-9BEC-7D0B03AEDEAC}" destId="{85F9C642-5E40-48CE-AEBF-E965131839D3}" srcOrd="3" destOrd="0" presId="urn:microsoft.com/office/officeart/2018/2/layout/IconCircleList"/>
    <dgm:cxn modelId="{51701650-2B34-4261-A767-849BAEECE1C1}" type="presParOf" srcId="{B57B457E-CC4B-433E-91D1-23DBE3B5007B}" destId="{C1DB5B75-1859-46DF-9CA6-E80A7CF204A8}" srcOrd="3" destOrd="0" presId="urn:microsoft.com/office/officeart/2018/2/layout/IconCircleList"/>
    <dgm:cxn modelId="{B6B2E778-E3EA-4606-BF86-BB92D632890D}" type="presParOf" srcId="{B57B457E-CC4B-433E-91D1-23DBE3B5007B}" destId="{BF1DF863-DDD9-499E-9708-1B10BA09FBE5}" srcOrd="4" destOrd="0" presId="urn:microsoft.com/office/officeart/2018/2/layout/IconCircleList"/>
    <dgm:cxn modelId="{008AE350-353E-492E-BEA0-373894C9C02A}" type="presParOf" srcId="{BF1DF863-DDD9-499E-9708-1B10BA09FBE5}" destId="{C8029029-9AEB-442F-83F3-68EB337FDCA6}" srcOrd="0" destOrd="0" presId="urn:microsoft.com/office/officeart/2018/2/layout/IconCircleList"/>
    <dgm:cxn modelId="{4652221E-8286-438F-A22F-E85E0BCA2E8C}" type="presParOf" srcId="{BF1DF863-DDD9-499E-9708-1B10BA09FBE5}" destId="{74A60455-3D48-4EC1-A4CC-4DFBF568F84D}" srcOrd="1" destOrd="0" presId="urn:microsoft.com/office/officeart/2018/2/layout/IconCircleList"/>
    <dgm:cxn modelId="{DE0E0F18-0E55-492C-AD99-11E25DBA2503}" type="presParOf" srcId="{BF1DF863-DDD9-499E-9708-1B10BA09FBE5}" destId="{C7E32C1C-70EE-42F4-AA8F-ECD812D40DC0}" srcOrd="2" destOrd="0" presId="urn:microsoft.com/office/officeart/2018/2/layout/IconCircleList"/>
    <dgm:cxn modelId="{676723FF-747E-44C4-9D94-C9E9B4C298BF}" type="presParOf" srcId="{BF1DF863-DDD9-499E-9708-1B10BA09FBE5}" destId="{AE518B8B-BA60-4761-9993-1D278E750776}" srcOrd="3" destOrd="0" presId="urn:microsoft.com/office/officeart/2018/2/layout/IconCircleList"/>
    <dgm:cxn modelId="{7EF9677B-F3AD-4184-8621-2DF893B5C01F}" type="presParOf" srcId="{B57B457E-CC4B-433E-91D1-23DBE3B5007B}" destId="{F6E6D9DD-65EB-49BD-913B-859BF4FD8548}" srcOrd="5" destOrd="0" presId="urn:microsoft.com/office/officeart/2018/2/layout/IconCircleList"/>
    <dgm:cxn modelId="{36AB093E-2393-457A-AF23-446575F119EE}" type="presParOf" srcId="{B57B457E-CC4B-433E-91D1-23DBE3B5007B}" destId="{ED8EF82A-75BA-40A7-AE9C-600ABCFA104E}" srcOrd="6" destOrd="0" presId="urn:microsoft.com/office/officeart/2018/2/layout/IconCircleList"/>
    <dgm:cxn modelId="{DE185675-6D75-4C86-BE96-1C8D988B6591}" type="presParOf" srcId="{ED8EF82A-75BA-40A7-AE9C-600ABCFA104E}" destId="{9600B223-991D-43E6-8F0D-ABE66C5A6F81}" srcOrd="0" destOrd="0" presId="urn:microsoft.com/office/officeart/2018/2/layout/IconCircleList"/>
    <dgm:cxn modelId="{F93B9A6D-368A-4908-A57C-A7B7D1524B85}" type="presParOf" srcId="{ED8EF82A-75BA-40A7-AE9C-600ABCFA104E}" destId="{E52C4C4B-3634-40AD-9CEE-C4E04754A67C}" srcOrd="1" destOrd="0" presId="urn:microsoft.com/office/officeart/2018/2/layout/IconCircleList"/>
    <dgm:cxn modelId="{530B9987-7546-4ACD-86D4-15B374F3296B}" type="presParOf" srcId="{ED8EF82A-75BA-40A7-AE9C-600ABCFA104E}" destId="{A6FDEF9B-2049-43AA-B7B6-59BE73CE3FC7}" srcOrd="2" destOrd="0" presId="urn:microsoft.com/office/officeart/2018/2/layout/IconCircleList"/>
    <dgm:cxn modelId="{61FD91DF-DDDF-462E-B8CA-C6DE8670E4C8}" type="presParOf" srcId="{ED8EF82A-75BA-40A7-AE9C-600ABCFA104E}" destId="{E9DAF68C-38AD-4F42-9954-0CF1BDFCFFD0}" srcOrd="3" destOrd="0" presId="urn:microsoft.com/office/officeart/2018/2/layout/IconCircle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3D6734E9-B150-4F09-AF1D-4A4708EFD2EE}" type="doc">
      <dgm:prSet loTypeId="urn:microsoft.com/office/officeart/2018/2/layout/IconVerticalSolidList" loCatId="icon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71294B0E-9FD6-4F7E-B92F-186D141CAE44}">
      <dgm:prSet/>
      <dgm:spPr/>
      <dgm:t>
        <a:bodyPr/>
        <a:lstStyle/>
        <a:p>
          <a:r>
            <a:rPr lang="en-IN"/>
            <a:t>Readability metrics</a:t>
          </a:r>
          <a:endParaRPr lang="en-US"/>
        </a:p>
      </dgm:t>
    </dgm:pt>
    <dgm:pt modelId="{DEB5CB2C-08A1-47C5-962B-2D6A8EF1F549}" type="parTrans" cxnId="{F58CCFEE-5722-464C-BE9E-CA502A48A77A}">
      <dgm:prSet/>
      <dgm:spPr/>
      <dgm:t>
        <a:bodyPr/>
        <a:lstStyle/>
        <a:p>
          <a:endParaRPr lang="en-US"/>
        </a:p>
      </dgm:t>
    </dgm:pt>
    <dgm:pt modelId="{5CF9A1DB-2013-4F8E-9377-74E9C4E8235C}" type="sibTrans" cxnId="{F58CCFEE-5722-464C-BE9E-CA502A48A77A}">
      <dgm:prSet/>
      <dgm:spPr/>
      <dgm:t>
        <a:bodyPr/>
        <a:lstStyle/>
        <a:p>
          <a:endParaRPr lang="en-US"/>
        </a:p>
      </dgm:t>
    </dgm:pt>
    <dgm:pt modelId="{ACBA26FF-E6C0-4A4A-B21D-8337A34D48A8}">
      <dgm:prSet/>
      <dgm:spPr/>
      <dgm:t>
        <a:bodyPr/>
        <a:lstStyle/>
        <a:p>
          <a:r>
            <a:rPr lang="en-IN"/>
            <a:t>Grade-based metrics</a:t>
          </a:r>
          <a:endParaRPr lang="en-US"/>
        </a:p>
      </dgm:t>
    </dgm:pt>
    <dgm:pt modelId="{3B08445E-D2B4-477E-9D39-F972A586FCBD}" type="parTrans" cxnId="{592A035A-0D5F-4F8E-829F-9E5C4CDA90D2}">
      <dgm:prSet/>
      <dgm:spPr/>
      <dgm:t>
        <a:bodyPr/>
        <a:lstStyle/>
        <a:p>
          <a:endParaRPr lang="en-US"/>
        </a:p>
      </dgm:t>
    </dgm:pt>
    <dgm:pt modelId="{12C53089-DF2A-41A1-8417-E1CEA9DCCC8A}" type="sibTrans" cxnId="{592A035A-0D5F-4F8E-829F-9E5C4CDA90D2}">
      <dgm:prSet/>
      <dgm:spPr/>
      <dgm:t>
        <a:bodyPr/>
        <a:lstStyle/>
        <a:p>
          <a:endParaRPr lang="en-US"/>
        </a:p>
      </dgm:t>
    </dgm:pt>
    <dgm:pt modelId="{6C9FA348-204B-421B-BD5E-789B227BA55A}">
      <dgm:prSet/>
      <dgm:spPr/>
      <dgm:t>
        <a:bodyPr/>
        <a:lstStyle/>
        <a:p>
          <a:r>
            <a:rPr lang="en-IN"/>
            <a:t>Direct measurements </a:t>
          </a:r>
          <a:endParaRPr lang="en-US"/>
        </a:p>
      </dgm:t>
    </dgm:pt>
    <dgm:pt modelId="{DF17F861-1708-4D34-9F9D-504C898837AC}" type="parTrans" cxnId="{1BE88E00-5DCC-4607-9DF0-7533AD1A0CB5}">
      <dgm:prSet/>
      <dgm:spPr/>
      <dgm:t>
        <a:bodyPr/>
        <a:lstStyle/>
        <a:p>
          <a:endParaRPr lang="en-US"/>
        </a:p>
      </dgm:t>
    </dgm:pt>
    <dgm:pt modelId="{1C4C2173-FA4B-4E3F-8668-6630315869B9}" type="sibTrans" cxnId="{1BE88E00-5DCC-4607-9DF0-7533AD1A0CB5}">
      <dgm:prSet/>
      <dgm:spPr/>
      <dgm:t>
        <a:bodyPr/>
        <a:lstStyle/>
        <a:p>
          <a:endParaRPr lang="en-US"/>
        </a:p>
      </dgm:t>
    </dgm:pt>
    <dgm:pt modelId="{C7D893C7-09E9-4009-A5FF-2F9F1CFF560C}">
      <dgm:prSet/>
      <dgm:spPr/>
      <dgm:t>
        <a:bodyPr/>
        <a:lstStyle/>
        <a:p>
          <a:r>
            <a:rPr lang="en-IN"/>
            <a:t>Feature based metrics</a:t>
          </a:r>
          <a:endParaRPr lang="en-US"/>
        </a:p>
      </dgm:t>
    </dgm:pt>
    <dgm:pt modelId="{B9E3C97B-29C8-4851-B84A-9DCEFE73D5F2}" type="parTrans" cxnId="{AE1701A2-5ED4-49FD-9C5A-5B83A2F7A2EF}">
      <dgm:prSet/>
      <dgm:spPr/>
      <dgm:t>
        <a:bodyPr/>
        <a:lstStyle/>
        <a:p>
          <a:endParaRPr lang="en-US"/>
        </a:p>
      </dgm:t>
    </dgm:pt>
    <dgm:pt modelId="{E6558BBB-7C29-4D4B-A832-EA43AAC8D9B0}" type="sibTrans" cxnId="{AE1701A2-5ED4-49FD-9C5A-5B83A2F7A2EF}">
      <dgm:prSet/>
      <dgm:spPr/>
      <dgm:t>
        <a:bodyPr/>
        <a:lstStyle/>
        <a:p>
          <a:endParaRPr lang="en-US"/>
        </a:p>
      </dgm:t>
    </dgm:pt>
    <dgm:pt modelId="{DF5E6A1C-C81C-4809-865C-3FAB4CB33C7D}">
      <dgm:prSet/>
      <dgm:spPr/>
      <dgm:t>
        <a:bodyPr/>
        <a:lstStyle/>
        <a:p>
          <a:r>
            <a:rPr lang="en-IN"/>
            <a:t>Count based statistics</a:t>
          </a:r>
          <a:endParaRPr lang="en-US"/>
        </a:p>
      </dgm:t>
    </dgm:pt>
    <dgm:pt modelId="{023FAB9E-095E-4E76-8CF8-B551C8AAD5B2}" type="parTrans" cxnId="{E965F7C4-BA03-421D-86BD-0279DD6972A2}">
      <dgm:prSet/>
      <dgm:spPr/>
      <dgm:t>
        <a:bodyPr/>
        <a:lstStyle/>
        <a:p>
          <a:endParaRPr lang="en-US"/>
        </a:p>
      </dgm:t>
    </dgm:pt>
    <dgm:pt modelId="{B4AD04EC-E08D-46E8-8A1A-033EA42D3D19}" type="sibTrans" cxnId="{E965F7C4-BA03-421D-86BD-0279DD6972A2}">
      <dgm:prSet/>
      <dgm:spPr/>
      <dgm:t>
        <a:bodyPr/>
        <a:lstStyle/>
        <a:p>
          <a:endParaRPr lang="en-US"/>
        </a:p>
      </dgm:t>
    </dgm:pt>
    <dgm:pt modelId="{C58C05A0-68F7-4C3C-B9F8-31535149EDD9}">
      <dgm:prSet/>
      <dgm:spPr/>
      <dgm:t>
        <a:bodyPr/>
        <a:lstStyle/>
        <a:p>
          <a:r>
            <a:rPr lang="en-IN"/>
            <a:t>Text alignment techniques</a:t>
          </a:r>
          <a:endParaRPr lang="en-US"/>
        </a:p>
      </dgm:t>
    </dgm:pt>
    <dgm:pt modelId="{94E00CB8-4EF8-4E22-AFED-A988FAB38246}" type="parTrans" cxnId="{FAF941AB-48CD-4949-A0C1-1BE34D4E485F}">
      <dgm:prSet/>
      <dgm:spPr/>
      <dgm:t>
        <a:bodyPr/>
        <a:lstStyle/>
        <a:p>
          <a:endParaRPr lang="en-US"/>
        </a:p>
      </dgm:t>
    </dgm:pt>
    <dgm:pt modelId="{339E11A0-888A-4117-8D74-EFEE9BB1D33D}" type="sibTrans" cxnId="{FAF941AB-48CD-4949-A0C1-1BE34D4E485F}">
      <dgm:prSet/>
      <dgm:spPr/>
      <dgm:t>
        <a:bodyPr/>
        <a:lstStyle/>
        <a:p>
          <a:endParaRPr lang="en-US"/>
        </a:p>
      </dgm:t>
    </dgm:pt>
    <dgm:pt modelId="{41A45AF8-6637-4EAF-AC0B-BEB90336ED48}">
      <dgm:prSet/>
      <dgm:spPr/>
      <dgm:t>
        <a:bodyPr/>
        <a:lstStyle/>
        <a:p>
          <a:r>
            <a:rPr lang="en-IN"/>
            <a:t>State of the art text simplification techniques</a:t>
          </a:r>
          <a:endParaRPr lang="en-US"/>
        </a:p>
      </dgm:t>
    </dgm:pt>
    <dgm:pt modelId="{F3C7B710-6767-4A68-B200-E1DEEB24D474}" type="parTrans" cxnId="{DC2C9D13-72BD-4ECA-99DB-5730248A7B30}">
      <dgm:prSet/>
      <dgm:spPr/>
      <dgm:t>
        <a:bodyPr/>
        <a:lstStyle/>
        <a:p>
          <a:endParaRPr lang="en-US"/>
        </a:p>
      </dgm:t>
    </dgm:pt>
    <dgm:pt modelId="{8A4BE048-C04D-429B-A52A-5A39E08E492F}" type="sibTrans" cxnId="{DC2C9D13-72BD-4ECA-99DB-5730248A7B30}">
      <dgm:prSet/>
      <dgm:spPr/>
      <dgm:t>
        <a:bodyPr/>
        <a:lstStyle/>
        <a:p>
          <a:endParaRPr lang="en-US"/>
        </a:p>
      </dgm:t>
    </dgm:pt>
    <dgm:pt modelId="{8548F2ED-BA6C-4E8E-B1F9-7BCF0DADEFC7}" type="pres">
      <dgm:prSet presAssocID="{3D6734E9-B150-4F09-AF1D-4A4708EFD2EE}" presName="root" presStyleCnt="0">
        <dgm:presLayoutVars>
          <dgm:dir/>
          <dgm:resizeHandles val="exact"/>
        </dgm:presLayoutVars>
      </dgm:prSet>
      <dgm:spPr/>
    </dgm:pt>
    <dgm:pt modelId="{4599BD4C-0C5C-4C7D-8836-0BC76F3452F0}" type="pres">
      <dgm:prSet presAssocID="{71294B0E-9FD6-4F7E-B92F-186D141CAE44}" presName="compNode" presStyleCnt="0"/>
      <dgm:spPr/>
    </dgm:pt>
    <dgm:pt modelId="{9C3441CA-91F7-4C06-9342-361FF0A7AD6A}" type="pres">
      <dgm:prSet presAssocID="{71294B0E-9FD6-4F7E-B92F-186D141CAE44}" presName="bgRect" presStyleLbl="bgShp" presStyleIdx="0" presStyleCnt="3"/>
      <dgm:spPr/>
    </dgm:pt>
    <dgm:pt modelId="{559F8974-08DF-492C-9F4C-5D900B5A6F0F}" type="pres">
      <dgm:prSet presAssocID="{71294B0E-9FD6-4F7E-B92F-186D141CAE44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Ruler"/>
        </a:ext>
      </dgm:extLst>
    </dgm:pt>
    <dgm:pt modelId="{2E0F63BE-4C29-4525-AFCB-99347F17623F}" type="pres">
      <dgm:prSet presAssocID="{71294B0E-9FD6-4F7E-B92F-186D141CAE44}" presName="spaceRect" presStyleCnt="0"/>
      <dgm:spPr/>
    </dgm:pt>
    <dgm:pt modelId="{4F0B39CB-E5A5-41EA-BCEE-C2998B7C334C}" type="pres">
      <dgm:prSet presAssocID="{71294B0E-9FD6-4F7E-B92F-186D141CAE44}" presName="parTx" presStyleLbl="revTx" presStyleIdx="0" presStyleCnt="4">
        <dgm:presLayoutVars>
          <dgm:chMax val="0"/>
          <dgm:chPref val="0"/>
        </dgm:presLayoutVars>
      </dgm:prSet>
      <dgm:spPr/>
    </dgm:pt>
    <dgm:pt modelId="{9B2A4064-B8C8-4A4C-B69E-7DA90FECCF56}" type="pres">
      <dgm:prSet presAssocID="{71294B0E-9FD6-4F7E-B92F-186D141CAE44}" presName="desTx" presStyleLbl="revTx" presStyleIdx="1" presStyleCnt="4">
        <dgm:presLayoutVars/>
      </dgm:prSet>
      <dgm:spPr/>
    </dgm:pt>
    <dgm:pt modelId="{935CE254-9989-4FB1-B307-72B033DBB91C}" type="pres">
      <dgm:prSet presAssocID="{5CF9A1DB-2013-4F8E-9377-74E9C4E8235C}" presName="sibTrans" presStyleCnt="0"/>
      <dgm:spPr/>
    </dgm:pt>
    <dgm:pt modelId="{6E724A1C-3E29-4FDF-B6FB-7DA520AC7FDD}" type="pres">
      <dgm:prSet presAssocID="{C58C05A0-68F7-4C3C-B9F8-31535149EDD9}" presName="compNode" presStyleCnt="0"/>
      <dgm:spPr/>
    </dgm:pt>
    <dgm:pt modelId="{DE2FC204-F4C6-45AC-BCAB-AF38D9137E02}" type="pres">
      <dgm:prSet presAssocID="{C58C05A0-68F7-4C3C-B9F8-31535149EDD9}" presName="bgRect" presStyleLbl="bgShp" presStyleIdx="1" presStyleCnt="3"/>
      <dgm:spPr/>
    </dgm:pt>
    <dgm:pt modelId="{AE3AB1F7-BD0A-45A9-A76A-FE0F34BA1E5A}" type="pres">
      <dgm:prSet presAssocID="{C58C05A0-68F7-4C3C-B9F8-31535149EDD9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heckmark"/>
        </a:ext>
      </dgm:extLst>
    </dgm:pt>
    <dgm:pt modelId="{8DCFBE58-E924-466F-AC66-FF2EEA7956B5}" type="pres">
      <dgm:prSet presAssocID="{C58C05A0-68F7-4C3C-B9F8-31535149EDD9}" presName="spaceRect" presStyleCnt="0"/>
      <dgm:spPr/>
    </dgm:pt>
    <dgm:pt modelId="{2955D3BE-F5B9-490E-A208-37C66DBD245D}" type="pres">
      <dgm:prSet presAssocID="{C58C05A0-68F7-4C3C-B9F8-31535149EDD9}" presName="parTx" presStyleLbl="revTx" presStyleIdx="2" presStyleCnt="4">
        <dgm:presLayoutVars>
          <dgm:chMax val="0"/>
          <dgm:chPref val="0"/>
        </dgm:presLayoutVars>
      </dgm:prSet>
      <dgm:spPr/>
    </dgm:pt>
    <dgm:pt modelId="{D41F5873-8891-43AD-B389-894AF58C9E42}" type="pres">
      <dgm:prSet presAssocID="{339E11A0-888A-4117-8D74-EFEE9BB1D33D}" presName="sibTrans" presStyleCnt="0"/>
      <dgm:spPr/>
    </dgm:pt>
    <dgm:pt modelId="{1134D855-7CB9-448E-8818-B55CCB5AB64B}" type="pres">
      <dgm:prSet presAssocID="{41A45AF8-6637-4EAF-AC0B-BEB90336ED48}" presName="compNode" presStyleCnt="0"/>
      <dgm:spPr/>
    </dgm:pt>
    <dgm:pt modelId="{3D52599E-536A-4486-A784-88E7DAFFDBB4}" type="pres">
      <dgm:prSet presAssocID="{41A45AF8-6637-4EAF-AC0B-BEB90336ED48}" presName="bgRect" presStyleLbl="bgShp" presStyleIdx="2" presStyleCnt="3"/>
      <dgm:spPr/>
    </dgm:pt>
    <dgm:pt modelId="{9718A6EB-C706-4D76-A8F3-280E6CAA735A}" type="pres">
      <dgm:prSet presAssocID="{41A45AF8-6637-4EAF-AC0B-BEB90336ED48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Small paint brush"/>
        </a:ext>
      </dgm:extLst>
    </dgm:pt>
    <dgm:pt modelId="{17E5A28C-4A8B-4C6D-9897-642E5F7FEFFB}" type="pres">
      <dgm:prSet presAssocID="{41A45AF8-6637-4EAF-AC0B-BEB90336ED48}" presName="spaceRect" presStyleCnt="0"/>
      <dgm:spPr/>
    </dgm:pt>
    <dgm:pt modelId="{1EEB0100-11F5-4046-B304-D1803DF8BE90}" type="pres">
      <dgm:prSet presAssocID="{41A45AF8-6637-4EAF-AC0B-BEB90336ED48}" presName="parTx" presStyleLbl="revTx" presStyleIdx="3" presStyleCnt="4">
        <dgm:presLayoutVars>
          <dgm:chMax val="0"/>
          <dgm:chPref val="0"/>
        </dgm:presLayoutVars>
      </dgm:prSet>
      <dgm:spPr/>
    </dgm:pt>
  </dgm:ptLst>
  <dgm:cxnLst>
    <dgm:cxn modelId="{1BE88E00-5DCC-4607-9DF0-7533AD1A0CB5}" srcId="{71294B0E-9FD6-4F7E-B92F-186D141CAE44}" destId="{6C9FA348-204B-421B-BD5E-789B227BA55A}" srcOrd="1" destOrd="0" parTransId="{DF17F861-1708-4D34-9F9D-504C898837AC}" sibTransId="{1C4C2173-FA4B-4E3F-8668-6630315869B9}"/>
    <dgm:cxn modelId="{DC2C9D13-72BD-4ECA-99DB-5730248A7B30}" srcId="{3D6734E9-B150-4F09-AF1D-4A4708EFD2EE}" destId="{41A45AF8-6637-4EAF-AC0B-BEB90336ED48}" srcOrd="2" destOrd="0" parTransId="{F3C7B710-6767-4A68-B200-E1DEEB24D474}" sibTransId="{8A4BE048-C04D-429B-A52A-5A39E08E492F}"/>
    <dgm:cxn modelId="{A4687D18-1E70-4B05-87BA-6DDBBABC5195}" type="presOf" srcId="{C7D893C7-09E9-4009-A5FF-2F9F1CFF560C}" destId="{9B2A4064-B8C8-4A4C-B69E-7DA90FECCF56}" srcOrd="0" destOrd="2" presId="urn:microsoft.com/office/officeart/2018/2/layout/IconVerticalSolidList"/>
    <dgm:cxn modelId="{A515C81F-5AD9-4CCF-9BEA-7327DE8F9A6D}" type="presOf" srcId="{ACBA26FF-E6C0-4A4A-B21D-8337A34D48A8}" destId="{9B2A4064-B8C8-4A4C-B69E-7DA90FECCF56}" srcOrd="0" destOrd="0" presId="urn:microsoft.com/office/officeart/2018/2/layout/IconVerticalSolidList"/>
    <dgm:cxn modelId="{953C4B28-74A0-43AB-8812-E29934A188E7}" type="presOf" srcId="{71294B0E-9FD6-4F7E-B92F-186D141CAE44}" destId="{4F0B39CB-E5A5-41EA-BCEE-C2998B7C334C}" srcOrd="0" destOrd="0" presId="urn:microsoft.com/office/officeart/2018/2/layout/IconVerticalSolidList"/>
    <dgm:cxn modelId="{592A035A-0D5F-4F8E-829F-9E5C4CDA90D2}" srcId="{71294B0E-9FD6-4F7E-B92F-186D141CAE44}" destId="{ACBA26FF-E6C0-4A4A-B21D-8337A34D48A8}" srcOrd="0" destOrd="0" parTransId="{3B08445E-D2B4-477E-9D39-F972A586FCBD}" sibTransId="{12C53089-DF2A-41A1-8417-E1CEA9DCCC8A}"/>
    <dgm:cxn modelId="{73564989-5310-4DE9-9ECA-B59FABD971D4}" type="presOf" srcId="{6C9FA348-204B-421B-BD5E-789B227BA55A}" destId="{9B2A4064-B8C8-4A4C-B69E-7DA90FECCF56}" srcOrd="0" destOrd="1" presId="urn:microsoft.com/office/officeart/2018/2/layout/IconVerticalSolidList"/>
    <dgm:cxn modelId="{AE1701A2-5ED4-49FD-9C5A-5B83A2F7A2EF}" srcId="{71294B0E-9FD6-4F7E-B92F-186D141CAE44}" destId="{C7D893C7-09E9-4009-A5FF-2F9F1CFF560C}" srcOrd="2" destOrd="0" parTransId="{B9E3C97B-29C8-4851-B84A-9DCEFE73D5F2}" sibTransId="{E6558BBB-7C29-4D4B-A832-EA43AAC8D9B0}"/>
    <dgm:cxn modelId="{FAF941AB-48CD-4949-A0C1-1BE34D4E485F}" srcId="{3D6734E9-B150-4F09-AF1D-4A4708EFD2EE}" destId="{C58C05A0-68F7-4C3C-B9F8-31535149EDD9}" srcOrd="1" destOrd="0" parTransId="{94E00CB8-4EF8-4E22-AFED-A988FAB38246}" sibTransId="{339E11A0-888A-4117-8D74-EFEE9BB1D33D}"/>
    <dgm:cxn modelId="{E965F7C4-BA03-421D-86BD-0279DD6972A2}" srcId="{71294B0E-9FD6-4F7E-B92F-186D141CAE44}" destId="{DF5E6A1C-C81C-4809-865C-3FAB4CB33C7D}" srcOrd="3" destOrd="0" parTransId="{023FAB9E-095E-4E76-8CF8-B551C8AAD5B2}" sibTransId="{B4AD04EC-E08D-46E8-8A1A-033EA42D3D19}"/>
    <dgm:cxn modelId="{32017BE6-E63F-4C8D-81CC-4F9EFDFAD67E}" type="presOf" srcId="{41A45AF8-6637-4EAF-AC0B-BEB90336ED48}" destId="{1EEB0100-11F5-4046-B304-D1803DF8BE90}" srcOrd="0" destOrd="0" presId="urn:microsoft.com/office/officeart/2018/2/layout/IconVerticalSolidList"/>
    <dgm:cxn modelId="{38BA8BEA-BD93-498A-9549-0B305AB2C0BD}" type="presOf" srcId="{C58C05A0-68F7-4C3C-B9F8-31535149EDD9}" destId="{2955D3BE-F5B9-490E-A208-37C66DBD245D}" srcOrd="0" destOrd="0" presId="urn:microsoft.com/office/officeart/2018/2/layout/IconVerticalSolidList"/>
    <dgm:cxn modelId="{F58CCFEE-5722-464C-BE9E-CA502A48A77A}" srcId="{3D6734E9-B150-4F09-AF1D-4A4708EFD2EE}" destId="{71294B0E-9FD6-4F7E-B92F-186D141CAE44}" srcOrd="0" destOrd="0" parTransId="{DEB5CB2C-08A1-47C5-962B-2D6A8EF1F549}" sibTransId="{5CF9A1DB-2013-4F8E-9377-74E9C4E8235C}"/>
    <dgm:cxn modelId="{4A7538FA-8F0F-46EB-84F1-89C270FF43EE}" type="presOf" srcId="{3D6734E9-B150-4F09-AF1D-4A4708EFD2EE}" destId="{8548F2ED-BA6C-4E8E-B1F9-7BCF0DADEFC7}" srcOrd="0" destOrd="0" presId="urn:microsoft.com/office/officeart/2018/2/layout/IconVerticalSolidList"/>
    <dgm:cxn modelId="{6D536CFD-56D5-442E-8CB7-BA86BAE593D7}" type="presOf" srcId="{DF5E6A1C-C81C-4809-865C-3FAB4CB33C7D}" destId="{9B2A4064-B8C8-4A4C-B69E-7DA90FECCF56}" srcOrd="0" destOrd="3" presId="urn:microsoft.com/office/officeart/2018/2/layout/IconVerticalSolidList"/>
    <dgm:cxn modelId="{B9DFFBEE-76E2-4EC3-8D52-CFDC0E654550}" type="presParOf" srcId="{8548F2ED-BA6C-4E8E-B1F9-7BCF0DADEFC7}" destId="{4599BD4C-0C5C-4C7D-8836-0BC76F3452F0}" srcOrd="0" destOrd="0" presId="urn:microsoft.com/office/officeart/2018/2/layout/IconVerticalSolidList"/>
    <dgm:cxn modelId="{2F9BDE7A-0C21-4FDC-B792-079D99CE29D9}" type="presParOf" srcId="{4599BD4C-0C5C-4C7D-8836-0BC76F3452F0}" destId="{9C3441CA-91F7-4C06-9342-361FF0A7AD6A}" srcOrd="0" destOrd="0" presId="urn:microsoft.com/office/officeart/2018/2/layout/IconVerticalSolidList"/>
    <dgm:cxn modelId="{2A3309D1-3D14-4846-A65B-CD3956888D48}" type="presParOf" srcId="{4599BD4C-0C5C-4C7D-8836-0BC76F3452F0}" destId="{559F8974-08DF-492C-9F4C-5D900B5A6F0F}" srcOrd="1" destOrd="0" presId="urn:microsoft.com/office/officeart/2018/2/layout/IconVerticalSolidList"/>
    <dgm:cxn modelId="{A718C9C9-D664-444A-98C2-E92C2D7C5C9B}" type="presParOf" srcId="{4599BD4C-0C5C-4C7D-8836-0BC76F3452F0}" destId="{2E0F63BE-4C29-4525-AFCB-99347F17623F}" srcOrd="2" destOrd="0" presId="urn:microsoft.com/office/officeart/2018/2/layout/IconVerticalSolidList"/>
    <dgm:cxn modelId="{6B1F44F2-5C6A-418E-9AB3-4DD5214AD1CA}" type="presParOf" srcId="{4599BD4C-0C5C-4C7D-8836-0BC76F3452F0}" destId="{4F0B39CB-E5A5-41EA-BCEE-C2998B7C334C}" srcOrd="3" destOrd="0" presId="urn:microsoft.com/office/officeart/2018/2/layout/IconVerticalSolidList"/>
    <dgm:cxn modelId="{543112DD-A655-4CC5-813A-18C3DA7A424F}" type="presParOf" srcId="{4599BD4C-0C5C-4C7D-8836-0BC76F3452F0}" destId="{9B2A4064-B8C8-4A4C-B69E-7DA90FECCF56}" srcOrd="4" destOrd="0" presId="urn:microsoft.com/office/officeart/2018/2/layout/IconVerticalSolidList"/>
    <dgm:cxn modelId="{F33D175D-1E94-4697-B6D2-564D8F79DF3C}" type="presParOf" srcId="{8548F2ED-BA6C-4E8E-B1F9-7BCF0DADEFC7}" destId="{935CE254-9989-4FB1-B307-72B033DBB91C}" srcOrd="1" destOrd="0" presId="urn:microsoft.com/office/officeart/2018/2/layout/IconVerticalSolidList"/>
    <dgm:cxn modelId="{C1E150E3-DD7E-416E-ADC4-486B18E40AF2}" type="presParOf" srcId="{8548F2ED-BA6C-4E8E-B1F9-7BCF0DADEFC7}" destId="{6E724A1C-3E29-4FDF-B6FB-7DA520AC7FDD}" srcOrd="2" destOrd="0" presId="urn:microsoft.com/office/officeart/2018/2/layout/IconVerticalSolidList"/>
    <dgm:cxn modelId="{B7FF6B5F-61D9-4D73-A7CC-86CE5E40C20B}" type="presParOf" srcId="{6E724A1C-3E29-4FDF-B6FB-7DA520AC7FDD}" destId="{DE2FC204-F4C6-45AC-BCAB-AF38D9137E02}" srcOrd="0" destOrd="0" presId="urn:microsoft.com/office/officeart/2018/2/layout/IconVerticalSolidList"/>
    <dgm:cxn modelId="{6842843F-1229-4505-9129-A33588221D2C}" type="presParOf" srcId="{6E724A1C-3E29-4FDF-B6FB-7DA520AC7FDD}" destId="{AE3AB1F7-BD0A-45A9-A76A-FE0F34BA1E5A}" srcOrd="1" destOrd="0" presId="urn:microsoft.com/office/officeart/2018/2/layout/IconVerticalSolidList"/>
    <dgm:cxn modelId="{21326531-A2AF-4BEE-BAB5-926BC93B5D74}" type="presParOf" srcId="{6E724A1C-3E29-4FDF-B6FB-7DA520AC7FDD}" destId="{8DCFBE58-E924-466F-AC66-FF2EEA7956B5}" srcOrd="2" destOrd="0" presId="urn:microsoft.com/office/officeart/2018/2/layout/IconVerticalSolidList"/>
    <dgm:cxn modelId="{7C0F87FC-7EC4-40DA-9991-AD9A44160130}" type="presParOf" srcId="{6E724A1C-3E29-4FDF-B6FB-7DA520AC7FDD}" destId="{2955D3BE-F5B9-490E-A208-37C66DBD245D}" srcOrd="3" destOrd="0" presId="urn:microsoft.com/office/officeart/2018/2/layout/IconVerticalSolidList"/>
    <dgm:cxn modelId="{BA57A3EE-9657-40A1-995E-18EC0B814966}" type="presParOf" srcId="{8548F2ED-BA6C-4E8E-B1F9-7BCF0DADEFC7}" destId="{D41F5873-8891-43AD-B389-894AF58C9E42}" srcOrd="3" destOrd="0" presId="urn:microsoft.com/office/officeart/2018/2/layout/IconVerticalSolidList"/>
    <dgm:cxn modelId="{399CF74A-89B4-48A6-9E32-C6E1F25AF29C}" type="presParOf" srcId="{8548F2ED-BA6C-4E8E-B1F9-7BCF0DADEFC7}" destId="{1134D855-7CB9-448E-8818-B55CCB5AB64B}" srcOrd="4" destOrd="0" presId="urn:microsoft.com/office/officeart/2018/2/layout/IconVerticalSolidList"/>
    <dgm:cxn modelId="{2BE3C2ED-893A-4903-974A-75D7858FAED1}" type="presParOf" srcId="{1134D855-7CB9-448E-8818-B55CCB5AB64B}" destId="{3D52599E-536A-4486-A784-88E7DAFFDBB4}" srcOrd="0" destOrd="0" presId="urn:microsoft.com/office/officeart/2018/2/layout/IconVerticalSolidList"/>
    <dgm:cxn modelId="{5BF6CE05-2B03-4EE4-B240-3478B555D5DC}" type="presParOf" srcId="{1134D855-7CB9-448E-8818-B55CCB5AB64B}" destId="{9718A6EB-C706-4D76-A8F3-280E6CAA735A}" srcOrd="1" destOrd="0" presId="urn:microsoft.com/office/officeart/2018/2/layout/IconVerticalSolidList"/>
    <dgm:cxn modelId="{13E70EDA-D0FE-45B2-BA5B-DDEF8F3432F0}" type="presParOf" srcId="{1134D855-7CB9-448E-8818-B55CCB5AB64B}" destId="{17E5A28C-4A8B-4C6D-9897-642E5F7FEFFB}" srcOrd="2" destOrd="0" presId="urn:microsoft.com/office/officeart/2018/2/layout/IconVerticalSolidList"/>
    <dgm:cxn modelId="{5435BC9A-062B-448A-BDC3-97B758C29A80}" type="presParOf" srcId="{1134D855-7CB9-448E-8818-B55CCB5AB64B}" destId="{1EEB0100-11F5-4046-B304-D1803DF8BE90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DCB75C9A-C8EE-46B7-B356-C954375622FD}" type="doc">
      <dgm:prSet loTypeId="urn:microsoft.com/office/officeart/2008/layout/LinedList" loCatId="list" qsTypeId="urn:microsoft.com/office/officeart/2005/8/quickstyle/simple5" qsCatId="simple" csTypeId="urn:microsoft.com/office/officeart/2005/8/colors/accent1_2" csCatId="accent1"/>
      <dgm:spPr/>
      <dgm:t>
        <a:bodyPr/>
        <a:lstStyle/>
        <a:p>
          <a:endParaRPr lang="en-US"/>
        </a:p>
      </dgm:t>
    </dgm:pt>
    <dgm:pt modelId="{6FE98212-EDC0-4DD5-BA69-8E936F85B629}">
      <dgm:prSet/>
      <dgm:spPr/>
      <dgm:t>
        <a:bodyPr/>
        <a:lstStyle/>
        <a:p>
          <a:r>
            <a:rPr lang="en-IN"/>
            <a:t>Source: easylaw.go.kr</a:t>
          </a:r>
          <a:endParaRPr lang="en-US"/>
        </a:p>
      </dgm:t>
    </dgm:pt>
    <dgm:pt modelId="{AB7AFB21-032F-4D32-AA5A-F1CFC12F8EFF}" type="parTrans" cxnId="{163C18C6-82DA-48F6-A880-617D54513CB9}">
      <dgm:prSet/>
      <dgm:spPr/>
      <dgm:t>
        <a:bodyPr/>
        <a:lstStyle/>
        <a:p>
          <a:endParaRPr lang="en-US"/>
        </a:p>
      </dgm:t>
    </dgm:pt>
    <dgm:pt modelId="{F787DCCA-207C-46F2-A843-9FE0A7290192}" type="sibTrans" cxnId="{163C18C6-82DA-48F6-A880-617D54513CB9}">
      <dgm:prSet/>
      <dgm:spPr/>
      <dgm:t>
        <a:bodyPr/>
        <a:lstStyle/>
        <a:p>
          <a:endParaRPr lang="en-US"/>
        </a:p>
      </dgm:t>
    </dgm:pt>
    <dgm:pt modelId="{EA859B75-3CD8-47C9-B509-5D062DB7BA99}">
      <dgm:prSet/>
      <dgm:spPr/>
      <dgm:t>
        <a:bodyPr/>
        <a:lstStyle/>
        <a:p>
          <a:r>
            <a:rPr lang="en-IN"/>
            <a:t>Scraped using BeautifulSoup</a:t>
          </a:r>
          <a:endParaRPr lang="en-US"/>
        </a:p>
      </dgm:t>
    </dgm:pt>
    <dgm:pt modelId="{EEE33CEC-CC5F-414B-AF3F-153D0B63C86A}" type="parTrans" cxnId="{387E9722-1AA0-4004-8085-C9FE3B76D348}">
      <dgm:prSet/>
      <dgm:spPr/>
      <dgm:t>
        <a:bodyPr/>
        <a:lstStyle/>
        <a:p>
          <a:endParaRPr lang="en-US"/>
        </a:p>
      </dgm:t>
    </dgm:pt>
    <dgm:pt modelId="{7A60D01F-2023-4925-A7FC-51FCA2DAFDCB}" type="sibTrans" cxnId="{387E9722-1AA0-4004-8085-C9FE3B76D348}">
      <dgm:prSet/>
      <dgm:spPr/>
      <dgm:t>
        <a:bodyPr/>
        <a:lstStyle/>
        <a:p>
          <a:endParaRPr lang="en-US"/>
        </a:p>
      </dgm:t>
    </dgm:pt>
    <dgm:pt modelId="{D028DA55-D278-43FA-A9D5-F755BCA8AA3B}">
      <dgm:prSet/>
      <dgm:spPr/>
      <dgm:t>
        <a:bodyPr/>
        <a:lstStyle/>
        <a:p>
          <a:r>
            <a:rPr lang="en-IN"/>
            <a:t>Translated styles into a nested json</a:t>
          </a:r>
          <a:endParaRPr lang="en-US"/>
        </a:p>
      </dgm:t>
    </dgm:pt>
    <dgm:pt modelId="{D21ACDC0-13CA-49D6-AE33-00E27E6501BA}" type="parTrans" cxnId="{6F5789D4-9C9F-4230-8630-E9EEAF638912}">
      <dgm:prSet/>
      <dgm:spPr/>
      <dgm:t>
        <a:bodyPr/>
        <a:lstStyle/>
        <a:p>
          <a:endParaRPr lang="en-US"/>
        </a:p>
      </dgm:t>
    </dgm:pt>
    <dgm:pt modelId="{A447EA72-D9BE-4299-BDDB-CD1FFD7CD637}" type="sibTrans" cxnId="{6F5789D4-9C9F-4230-8630-E9EEAF638912}">
      <dgm:prSet/>
      <dgm:spPr/>
      <dgm:t>
        <a:bodyPr/>
        <a:lstStyle/>
        <a:p>
          <a:endParaRPr lang="en-US"/>
        </a:p>
      </dgm:t>
    </dgm:pt>
    <dgm:pt modelId="{8F06BD76-7B71-4BB8-BC3A-93C3D9C899D4}">
      <dgm:prSet/>
      <dgm:spPr/>
      <dgm:t>
        <a:bodyPr/>
        <a:lstStyle/>
        <a:p>
          <a:r>
            <a:rPr lang="en-IN"/>
            <a:t>Data contains around ~15k sentences </a:t>
          </a:r>
          <a:endParaRPr lang="en-US"/>
        </a:p>
      </dgm:t>
    </dgm:pt>
    <dgm:pt modelId="{0E919A8B-9E2C-412B-AF8A-E2B5DF9AE8A9}" type="parTrans" cxnId="{4C85384A-ED2D-40DB-B1CA-2394629E949C}">
      <dgm:prSet/>
      <dgm:spPr/>
      <dgm:t>
        <a:bodyPr/>
        <a:lstStyle/>
        <a:p>
          <a:endParaRPr lang="en-US"/>
        </a:p>
      </dgm:t>
    </dgm:pt>
    <dgm:pt modelId="{8428AC0B-32C7-49D2-AF59-1BE875F775DA}" type="sibTrans" cxnId="{4C85384A-ED2D-40DB-B1CA-2394629E949C}">
      <dgm:prSet/>
      <dgm:spPr/>
      <dgm:t>
        <a:bodyPr/>
        <a:lstStyle/>
        <a:p>
          <a:endParaRPr lang="en-US"/>
        </a:p>
      </dgm:t>
    </dgm:pt>
    <dgm:pt modelId="{2C24D193-D012-43B9-9B9A-087FE89AC482}">
      <dgm:prSet/>
      <dgm:spPr/>
      <dgm:t>
        <a:bodyPr/>
        <a:lstStyle/>
        <a:p>
          <a:r>
            <a:rPr lang="en-IN"/>
            <a:t>Next step: Scrape standard text from elaw.klri.re.kr</a:t>
          </a:r>
          <a:endParaRPr lang="en-US"/>
        </a:p>
      </dgm:t>
    </dgm:pt>
    <dgm:pt modelId="{EBF1364D-73AD-4FA9-8C9F-9ED85DF971D7}" type="parTrans" cxnId="{F90BABC0-FE01-429C-A941-ACD53E24514A}">
      <dgm:prSet/>
      <dgm:spPr/>
      <dgm:t>
        <a:bodyPr/>
        <a:lstStyle/>
        <a:p>
          <a:endParaRPr lang="en-US"/>
        </a:p>
      </dgm:t>
    </dgm:pt>
    <dgm:pt modelId="{A57C8C98-E3CE-42E4-97E6-B659566F3918}" type="sibTrans" cxnId="{F90BABC0-FE01-429C-A941-ACD53E24514A}">
      <dgm:prSet/>
      <dgm:spPr/>
      <dgm:t>
        <a:bodyPr/>
        <a:lstStyle/>
        <a:p>
          <a:endParaRPr lang="en-US"/>
        </a:p>
      </dgm:t>
    </dgm:pt>
    <dgm:pt modelId="{AEC68E57-8430-4F49-893D-4C14AC96F2B9}" type="pres">
      <dgm:prSet presAssocID="{DCB75C9A-C8EE-46B7-B356-C954375622FD}" presName="vert0" presStyleCnt="0">
        <dgm:presLayoutVars>
          <dgm:dir/>
          <dgm:animOne val="branch"/>
          <dgm:animLvl val="lvl"/>
        </dgm:presLayoutVars>
      </dgm:prSet>
      <dgm:spPr/>
    </dgm:pt>
    <dgm:pt modelId="{09FFF326-A290-4FF8-BFB0-085714DB1D1D}" type="pres">
      <dgm:prSet presAssocID="{6FE98212-EDC0-4DD5-BA69-8E936F85B629}" presName="thickLine" presStyleLbl="alignNode1" presStyleIdx="0" presStyleCnt="5"/>
      <dgm:spPr/>
    </dgm:pt>
    <dgm:pt modelId="{6CF57FEE-5B1E-42BB-8F72-6218D6CCA8DE}" type="pres">
      <dgm:prSet presAssocID="{6FE98212-EDC0-4DD5-BA69-8E936F85B629}" presName="horz1" presStyleCnt="0"/>
      <dgm:spPr/>
    </dgm:pt>
    <dgm:pt modelId="{5565F430-96FE-4D92-AECB-16E9B97DA4F1}" type="pres">
      <dgm:prSet presAssocID="{6FE98212-EDC0-4DD5-BA69-8E936F85B629}" presName="tx1" presStyleLbl="revTx" presStyleIdx="0" presStyleCnt="5"/>
      <dgm:spPr/>
    </dgm:pt>
    <dgm:pt modelId="{1A84F071-EB55-4DD7-9A7A-DAC3F06008D1}" type="pres">
      <dgm:prSet presAssocID="{6FE98212-EDC0-4DD5-BA69-8E936F85B629}" presName="vert1" presStyleCnt="0"/>
      <dgm:spPr/>
    </dgm:pt>
    <dgm:pt modelId="{A4E390E6-254F-4C96-AC37-F9B8557CED78}" type="pres">
      <dgm:prSet presAssocID="{EA859B75-3CD8-47C9-B509-5D062DB7BA99}" presName="thickLine" presStyleLbl="alignNode1" presStyleIdx="1" presStyleCnt="5"/>
      <dgm:spPr/>
    </dgm:pt>
    <dgm:pt modelId="{EC2126D9-A6A3-44C2-92C4-BB0E60948BBB}" type="pres">
      <dgm:prSet presAssocID="{EA859B75-3CD8-47C9-B509-5D062DB7BA99}" presName="horz1" presStyleCnt="0"/>
      <dgm:spPr/>
    </dgm:pt>
    <dgm:pt modelId="{0FC18D0F-B512-4D1B-866F-C9B5E19B8953}" type="pres">
      <dgm:prSet presAssocID="{EA859B75-3CD8-47C9-B509-5D062DB7BA99}" presName="tx1" presStyleLbl="revTx" presStyleIdx="1" presStyleCnt="5"/>
      <dgm:spPr/>
    </dgm:pt>
    <dgm:pt modelId="{F525C1BE-EC15-4795-BD87-9F90FD3413F3}" type="pres">
      <dgm:prSet presAssocID="{EA859B75-3CD8-47C9-B509-5D062DB7BA99}" presName="vert1" presStyleCnt="0"/>
      <dgm:spPr/>
    </dgm:pt>
    <dgm:pt modelId="{7A27EC6E-B350-41AF-AC5E-2B4093C6C896}" type="pres">
      <dgm:prSet presAssocID="{D028DA55-D278-43FA-A9D5-F755BCA8AA3B}" presName="thickLine" presStyleLbl="alignNode1" presStyleIdx="2" presStyleCnt="5"/>
      <dgm:spPr/>
    </dgm:pt>
    <dgm:pt modelId="{F36D59B0-A297-4F42-9DF2-738BB5C776B2}" type="pres">
      <dgm:prSet presAssocID="{D028DA55-D278-43FA-A9D5-F755BCA8AA3B}" presName="horz1" presStyleCnt="0"/>
      <dgm:spPr/>
    </dgm:pt>
    <dgm:pt modelId="{57A3D111-B04E-413B-808D-21CF7FDC4CB5}" type="pres">
      <dgm:prSet presAssocID="{D028DA55-D278-43FA-A9D5-F755BCA8AA3B}" presName="tx1" presStyleLbl="revTx" presStyleIdx="2" presStyleCnt="5"/>
      <dgm:spPr/>
    </dgm:pt>
    <dgm:pt modelId="{28642BD8-6503-4B64-9F21-4E6BC04AB10B}" type="pres">
      <dgm:prSet presAssocID="{D028DA55-D278-43FA-A9D5-F755BCA8AA3B}" presName="vert1" presStyleCnt="0"/>
      <dgm:spPr/>
    </dgm:pt>
    <dgm:pt modelId="{F66D850F-3295-47A8-8694-DBC8A68068A1}" type="pres">
      <dgm:prSet presAssocID="{8F06BD76-7B71-4BB8-BC3A-93C3D9C899D4}" presName="thickLine" presStyleLbl="alignNode1" presStyleIdx="3" presStyleCnt="5"/>
      <dgm:spPr/>
    </dgm:pt>
    <dgm:pt modelId="{DDDEA923-A371-4153-86BC-B1B42CB209D1}" type="pres">
      <dgm:prSet presAssocID="{8F06BD76-7B71-4BB8-BC3A-93C3D9C899D4}" presName="horz1" presStyleCnt="0"/>
      <dgm:spPr/>
    </dgm:pt>
    <dgm:pt modelId="{EB66867B-E26A-4F8F-A47B-2EB88CF364DF}" type="pres">
      <dgm:prSet presAssocID="{8F06BD76-7B71-4BB8-BC3A-93C3D9C899D4}" presName="tx1" presStyleLbl="revTx" presStyleIdx="3" presStyleCnt="5"/>
      <dgm:spPr/>
    </dgm:pt>
    <dgm:pt modelId="{DFD64984-006E-49FF-9B29-F77366074763}" type="pres">
      <dgm:prSet presAssocID="{8F06BD76-7B71-4BB8-BC3A-93C3D9C899D4}" presName="vert1" presStyleCnt="0"/>
      <dgm:spPr/>
    </dgm:pt>
    <dgm:pt modelId="{E490A01A-5F2F-4A37-B39E-1BC36E2EB76F}" type="pres">
      <dgm:prSet presAssocID="{2C24D193-D012-43B9-9B9A-087FE89AC482}" presName="thickLine" presStyleLbl="alignNode1" presStyleIdx="4" presStyleCnt="5"/>
      <dgm:spPr/>
    </dgm:pt>
    <dgm:pt modelId="{A79738A7-0459-4242-B32E-0B5DD8AEB305}" type="pres">
      <dgm:prSet presAssocID="{2C24D193-D012-43B9-9B9A-087FE89AC482}" presName="horz1" presStyleCnt="0"/>
      <dgm:spPr/>
    </dgm:pt>
    <dgm:pt modelId="{AFB56824-8546-439A-8CEB-8AEB70F475A5}" type="pres">
      <dgm:prSet presAssocID="{2C24D193-D012-43B9-9B9A-087FE89AC482}" presName="tx1" presStyleLbl="revTx" presStyleIdx="4" presStyleCnt="5"/>
      <dgm:spPr/>
    </dgm:pt>
    <dgm:pt modelId="{E58B8D70-E8C7-4009-A14B-A4D2E7CAFBB3}" type="pres">
      <dgm:prSet presAssocID="{2C24D193-D012-43B9-9B9A-087FE89AC482}" presName="vert1" presStyleCnt="0"/>
      <dgm:spPr/>
    </dgm:pt>
  </dgm:ptLst>
  <dgm:cxnLst>
    <dgm:cxn modelId="{387E9722-1AA0-4004-8085-C9FE3B76D348}" srcId="{DCB75C9A-C8EE-46B7-B356-C954375622FD}" destId="{EA859B75-3CD8-47C9-B509-5D062DB7BA99}" srcOrd="1" destOrd="0" parTransId="{EEE33CEC-CC5F-414B-AF3F-153D0B63C86A}" sibTransId="{7A60D01F-2023-4925-A7FC-51FCA2DAFDCB}"/>
    <dgm:cxn modelId="{EA70763C-6C01-4E68-BFD7-57068127746C}" type="presOf" srcId="{EA859B75-3CD8-47C9-B509-5D062DB7BA99}" destId="{0FC18D0F-B512-4D1B-866F-C9B5E19B8953}" srcOrd="0" destOrd="0" presId="urn:microsoft.com/office/officeart/2008/layout/LinedList"/>
    <dgm:cxn modelId="{4C85384A-ED2D-40DB-B1CA-2394629E949C}" srcId="{DCB75C9A-C8EE-46B7-B356-C954375622FD}" destId="{8F06BD76-7B71-4BB8-BC3A-93C3D9C899D4}" srcOrd="3" destOrd="0" parTransId="{0E919A8B-9E2C-412B-AF8A-E2B5DF9AE8A9}" sibTransId="{8428AC0B-32C7-49D2-AF59-1BE875F775DA}"/>
    <dgm:cxn modelId="{28BD0284-ED70-4E3B-9FA7-DA6DB0E28892}" type="presOf" srcId="{2C24D193-D012-43B9-9B9A-087FE89AC482}" destId="{AFB56824-8546-439A-8CEB-8AEB70F475A5}" srcOrd="0" destOrd="0" presId="urn:microsoft.com/office/officeart/2008/layout/LinedList"/>
    <dgm:cxn modelId="{40EAC09F-E331-44C8-8A3E-583D149ABA64}" type="presOf" srcId="{8F06BD76-7B71-4BB8-BC3A-93C3D9C899D4}" destId="{EB66867B-E26A-4F8F-A47B-2EB88CF364DF}" srcOrd="0" destOrd="0" presId="urn:microsoft.com/office/officeart/2008/layout/LinedList"/>
    <dgm:cxn modelId="{F90BABC0-FE01-429C-A941-ACD53E24514A}" srcId="{DCB75C9A-C8EE-46B7-B356-C954375622FD}" destId="{2C24D193-D012-43B9-9B9A-087FE89AC482}" srcOrd="4" destOrd="0" parTransId="{EBF1364D-73AD-4FA9-8C9F-9ED85DF971D7}" sibTransId="{A57C8C98-E3CE-42E4-97E6-B659566F3918}"/>
    <dgm:cxn modelId="{163C18C6-82DA-48F6-A880-617D54513CB9}" srcId="{DCB75C9A-C8EE-46B7-B356-C954375622FD}" destId="{6FE98212-EDC0-4DD5-BA69-8E936F85B629}" srcOrd="0" destOrd="0" parTransId="{AB7AFB21-032F-4D32-AA5A-F1CFC12F8EFF}" sibTransId="{F787DCCA-207C-46F2-A843-9FE0A7290192}"/>
    <dgm:cxn modelId="{0FD268C9-E57A-40CB-8268-18FD5304211A}" type="presOf" srcId="{DCB75C9A-C8EE-46B7-B356-C954375622FD}" destId="{AEC68E57-8430-4F49-893D-4C14AC96F2B9}" srcOrd="0" destOrd="0" presId="urn:microsoft.com/office/officeart/2008/layout/LinedList"/>
    <dgm:cxn modelId="{6F5789D4-9C9F-4230-8630-E9EEAF638912}" srcId="{DCB75C9A-C8EE-46B7-B356-C954375622FD}" destId="{D028DA55-D278-43FA-A9D5-F755BCA8AA3B}" srcOrd="2" destOrd="0" parTransId="{D21ACDC0-13CA-49D6-AE33-00E27E6501BA}" sibTransId="{A447EA72-D9BE-4299-BDDB-CD1FFD7CD637}"/>
    <dgm:cxn modelId="{B3C657E5-1606-4AA1-BCF8-21CD8428497C}" type="presOf" srcId="{6FE98212-EDC0-4DD5-BA69-8E936F85B629}" destId="{5565F430-96FE-4D92-AECB-16E9B97DA4F1}" srcOrd="0" destOrd="0" presId="urn:microsoft.com/office/officeart/2008/layout/LinedList"/>
    <dgm:cxn modelId="{77CCB3FA-F019-42E4-8453-82BE6E6BF86F}" type="presOf" srcId="{D028DA55-D278-43FA-A9D5-F755BCA8AA3B}" destId="{57A3D111-B04E-413B-808D-21CF7FDC4CB5}" srcOrd="0" destOrd="0" presId="urn:microsoft.com/office/officeart/2008/layout/LinedList"/>
    <dgm:cxn modelId="{F4D3A2FD-B58C-41CA-9CF6-F236AAD719EF}" type="presParOf" srcId="{AEC68E57-8430-4F49-893D-4C14AC96F2B9}" destId="{09FFF326-A290-4FF8-BFB0-085714DB1D1D}" srcOrd="0" destOrd="0" presId="urn:microsoft.com/office/officeart/2008/layout/LinedList"/>
    <dgm:cxn modelId="{47C4C8DD-3125-4393-BFC7-08D8AABE2BC0}" type="presParOf" srcId="{AEC68E57-8430-4F49-893D-4C14AC96F2B9}" destId="{6CF57FEE-5B1E-42BB-8F72-6218D6CCA8DE}" srcOrd="1" destOrd="0" presId="urn:microsoft.com/office/officeart/2008/layout/LinedList"/>
    <dgm:cxn modelId="{BEC7590A-1971-48FC-94B7-2A81295AD756}" type="presParOf" srcId="{6CF57FEE-5B1E-42BB-8F72-6218D6CCA8DE}" destId="{5565F430-96FE-4D92-AECB-16E9B97DA4F1}" srcOrd="0" destOrd="0" presId="urn:microsoft.com/office/officeart/2008/layout/LinedList"/>
    <dgm:cxn modelId="{5D97F9D7-1913-41E5-B236-1AE20891A02F}" type="presParOf" srcId="{6CF57FEE-5B1E-42BB-8F72-6218D6CCA8DE}" destId="{1A84F071-EB55-4DD7-9A7A-DAC3F06008D1}" srcOrd="1" destOrd="0" presId="urn:microsoft.com/office/officeart/2008/layout/LinedList"/>
    <dgm:cxn modelId="{F6135659-47D7-4EF3-8DFB-05E2E17797E6}" type="presParOf" srcId="{AEC68E57-8430-4F49-893D-4C14AC96F2B9}" destId="{A4E390E6-254F-4C96-AC37-F9B8557CED78}" srcOrd="2" destOrd="0" presId="urn:microsoft.com/office/officeart/2008/layout/LinedList"/>
    <dgm:cxn modelId="{08CBA357-1D83-4F2E-873F-925838E77E0A}" type="presParOf" srcId="{AEC68E57-8430-4F49-893D-4C14AC96F2B9}" destId="{EC2126D9-A6A3-44C2-92C4-BB0E60948BBB}" srcOrd="3" destOrd="0" presId="urn:microsoft.com/office/officeart/2008/layout/LinedList"/>
    <dgm:cxn modelId="{720BEC58-3280-44E9-B19E-C89C937C1894}" type="presParOf" srcId="{EC2126D9-A6A3-44C2-92C4-BB0E60948BBB}" destId="{0FC18D0F-B512-4D1B-866F-C9B5E19B8953}" srcOrd="0" destOrd="0" presId="urn:microsoft.com/office/officeart/2008/layout/LinedList"/>
    <dgm:cxn modelId="{3263C114-6416-4DE9-82B0-F5E5443EFCDC}" type="presParOf" srcId="{EC2126D9-A6A3-44C2-92C4-BB0E60948BBB}" destId="{F525C1BE-EC15-4795-BD87-9F90FD3413F3}" srcOrd="1" destOrd="0" presId="urn:microsoft.com/office/officeart/2008/layout/LinedList"/>
    <dgm:cxn modelId="{A709C7B4-ABFA-415C-908A-1B740726DEB6}" type="presParOf" srcId="{AEC68E57-8430-4F49-893D-4C14AC96F2B9}" destId="{7A27EC6E-B350-41AF-AC5E-2B4093C6C896}" srcOrd="4" destOrd="0" presId="urn:microsoft.com/office/officeart/2008/layout/LinedList"/>
    <dgm:cxn modelId="{081253E6-7955-4B6A-8B26-FB2887DA72A2}" type="presParOf" srcId="{AEC68E57-8430-4F49-893D-4C14AC96F2B9}" destId="{F36D59B0-A297-4F42-9DF2-738BB5C776B2}" srcOrd="5" destOrd="0" presId="urn:microsoft.com/office/officeart/2008/layout/LinedList"/>
    <dgm:cxn modelId="{166F5EDF-35F9-45FE-B73B-4D882656A3D9}" type="presParOf" srcId="{F36D59B0-A297-4F42-9DF2-738BB5C776B2}" destId="{57A3D111-B04E-413B-808D-21CF7FDC4CB5}" srcOrd="0" destOrd="0" presId="urn:microsoft.com/office/officeart/2008/layout/LinedList"/>
    <dgm:cxn modelId="{B4170FDB-F2D1-469F-B8BA-F42854A289FA}" type="presParOf" srcId="{F36D59B0-A297-4F42-9DF2-738BB5C776B2}" destId="{28642BD8-6503-4B64-9F21-4E6BC04AB10B}" srcOrd="1" destOrd="0" presId="urn:microsoft.com/office/officeart/2008/layout/LinedList"/>
    <dgm:cxn modelId="{5DE61F37-95A2-422E-8E27-A6D33A08CDB6}" type="presParOf" srcId="{AEC68E57-8430-4F49-893D-4C14AC96F2B9}" destId="{F66D850F-3295-47A8-8694-DBC8A68068A1}" srcOrd="6" destOrd="0" presId="urn:microsoft.com/office/officeart/2008/layout/LinedList"/>
    <dgm:cxn modelId="{E488E133-C418-46FA-B915-C5136042AB94}" type="presParOf" srcId="{AEC68E57-8430-4F49-893D-4C14AC96F2B9}" destId="{DDDEA923-A371-4153-86BC-B1B42CB209D1}" srcOrd="7" destOrd="0" presId="urn:microsoft.com/office/officeart/2008/layout/LinedList"/>
    <dgm:cxn modelId="{E8191301-D67C-4B0F-ABFA-7D6F793CC47F}" type="presParOf" srcId="{DDDEA923-A371-4153-86BC-B1B42CB209D1}" destId="{EB66867B-E26A-4F8F-A47B-2EB88CF364DF}" srcOrd="0" destOrd="0" presId="urn:microsoft.com/office/officeart/2008/layout/LinedList"/>
    <dgm:cxn modelId="{8485D5AE-0364-48A0-AE7E-9FB936C9872C}" type="presParOf" srcId="{DDDEA923-A371-4153-86BC-B1B42CB209D1}" destId="{DFD64984-006E-49FF-9B29-F77366074763}" srcOrd="1" destOrd="0" presId="urn:microsoft.com/office/officeart/2008/layout/LinedList"/>
    <dgm:cxn modelId="{2B4A6572-265E-4F92-9299-80C9CF992401}" type="presParOf" srcId="{AEC68E57-8430-4F49-893D-4C14AC96F2B9}" destId="{E490A01A-5F2F-4A37-B39E-1BC36E2EB76F}" srcOrd="8" destOrd="0" presId="urn:microsoft.com/office/officeart/2008/layout/LinedList"/>
    <dgm:cxn modelId="{100D5AC3-5435-434B-9DC4-D62EB6AADCD3}" type="presParOf" srcId="{AEC68E57-8430-4F49-893D-4C14AC96F2B9}" destId="{A79738A7-0459-4242-B32E-0B5DD8AEB305}" srcOrd="9" destOrd="0" presId="urn:microsoft.com/office/officeart/2008/layout/LinedList"/>
    <dgm:cxn modelId="{72404C36-E2A8-4395-8971-0EE26CDCC905}" type="presParOf" srcId="{A79738A7-0459-4242-B32E-0B5DD8AEB305}" destId="{AFB56824-8546-439A-8CEB-8AEB70F475A5}" srcOrd="0" destOrd="0" presId="urn:microsoft.com/office/officeart/2008/layout/LinedList"/>
    <dgm:cxn modelId="{2CAB525E-E1C4-4FDE-98B2-2DB67CF49804}" type="presParOf" srcId="{A79738A7-0459-4242-B32E-0B5DD8AEB305}" destId="{E58B8D70-E8C7-4009-A14B-A4D2E7CAFBB3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E3C2C756-8FEE-445D-A85F-CFBDB457D401}" type="doc">
      <dgm:prSet loTypeId="urn:microsoft.com/office/officeart/2008/layout/LinedList" loCatId="list" qsTypeId="urn:microsoft.com/office/officeart/2005/8/quickstyle/simple1" qsCatId="simple" csTypeId="urn:microsoft.com/office/officeart/2005/8/colors/accent1_2" csCatId="accent1"/>
      <dgm:spPr/>
      <dgm:t>
        <a:bodyPr/>
        <a:lstStyle/>
        <a:p>
          <a:endParaRPr lang="en-US"/>
        </a:p>
      </dgm:t>
    </dgm:pt>
    <dgm:pt modelId="{DE48AE3C-1979-48FD-B672-F25A8E509514}">
      <dgm:prSet/>
      <dgm:spPr/>
      <dgm:t>
        <a:bodyPr/>
        <a:lstStyle/>
        <a:p>
          <a:r>
            <a:rPr lang="en-IN"/>
            <a:t>[1] Jin, Y., &amp; Kling, J. (2009). Overcoming the language barrier: The literacy of non-native-English-speaking adults. US Department of Labor, Employment and Training Administration.</a:t>
          </a:r>
          <a:endParaRPr lang="en-US"/>
        </a:p>
      </dgm:t>
    </dgm:pt>
    <dgm:pt modelId="{E8CCA9C8-FBD2-4D9F-986B-4BA9119F0EB1}" type="parTrans" cxnId="{2ADAD962-41E2-4951-AC66-19E89C0C6703}">
      <dgm:prSet/>
      <dgm:spPr/>
      <dgm:t>
        <a:bodyPr/>
        <a:lstStyle/>
        <a:p>
          <a:endParaRPr lang="en-US"/>
        </a:p>
      </dgm:t>
    </dgm:pt>
    <dgm:pt modelId="{24176322-6542-453D-970D-4A5814A53A43}" type="sibTrans" cxnId="{2ADAD962-41E2-4951-AC66-19E89C0C6703}">
      <dgm:prSet/>
      <dgm:spPr/>
      <dgm:t>
        <a:bodyPr/>
        <a:lstStyle/>
        <a:p>
          <a:endParaRPr lang="en-US"/>
        </a:p>
      </dgm:t>
    </dgm:pt>
    <dgm:pt modelId="{40159D42-6AFD-4FCA-ADD8-30C33A805B19}">
      <dgm:prSet/>
      <dgm:spPr/>
      <dgm:t>
        <a:bodyPr/>
        <a:lstStyle/>
        <a:p>
          <a:r>
            <a:rPr lang="en-IN"/>
            <a:t>[2] Iram Rubab, Mamona Yasmin Khan, and Tahira Asgher.  Transformationof legal texts into simplified accounts to make the justice accessible. </a:t>
          </a:r>
          <a:endParaRPr lang="en-US"/>
        </a:p>
      </dgm:t>
    </dgm:pt>
    <dgm:pt modelId="{A38B2150-6937-41E2-997F-CD98C328DAE2}" type="parTrans" cxnId="{57904AD0-CDCA-490D-BE77-1B7A97EB0E7F}">
      <dgm:prSet/>
      <dgm:spPr/>
      <dgm:t>
        <a:bodyPr/>
        <a:lstStyle/>
        <a:p>
          <a:endParaRPr lang="en-US"/>
        </a:p>
      </dgm:t>
    </dgm:pt>
    <dgm:pt modelId="{CFB7B62A-4D8B-4C7C-BD02-B3C2761A2098}" type="sibTrans" cxnId="{57904AD0-CDCA-490D-BE77-1B7A97EB0E7F}">
      <dgm:prSet/>
      <dgm:spPr/>
      <dgm:t>
        <a:bodyPr/>
        <a:lstStyle/>
        <a:p>
          <a:endParaRPr lang="en-US"/>
        </a:p>
      </dgm:t>
    </dgm:pt>
    <dgm:pt modelId="{F347256E-77A0-49C0-A96B-A98A460395AA}">
      <dgm:prSet/>
      <dgm:spPr/>
      <dgm:t>
        <a:bodyPr/>
        <a:lstStyle/>
        <a:p>
          <a:r>
            <a:rPr lang="en-IN"/>
            <a:t>[3] Štajner, S., Franco-Salvador, M., Rosso, P., &amp; Ponzetto, S. P. (2018, May). Cats: A tool for customized alignment of text simplification corpora. In Proceedings of the Eleventh International Conference on Language Resources and Evaluation (LREC 2018).</a:t>
          </a:r>
          <a:endParaRPr lang="en-US"/>
        </a:p>
      </dgm:t>
    </dgm:pt>
    <dgm:pt modelId="{2C89218D-57D2-4D21-86D4-6FE7D1AA90EB}" type="parTrans" cxnId="{EC4AB964-D866-4AD9-B0F7-8B846D5A40E3}">
      <dgm:prSet/>
      <dgm:spPr/>
      <dgm:t>
        <a:bodyPr/>
        <a:lstStyle/>
        <a:p>
          <a:endParaRPr lang="en-US"/>
        </a:p>
      </dgm:t>
    </dgm:pt>
    <dgm:pt modelId="{CBFA2A0D-A1EF-4289-B67C-D229C7AA879A}" type="sibTrans" cxnId="{EC4AB964-D866-4AD9-B0F7-8B846D5A40E3}">
      <dgm:prSet/>
      <dgm:spPr/>
      <dgm:t>
        <a:bodyPr/>
        <a:lstStyle/>
        <a:p>
          <a:endParaRPr lang="en-US"/>
        </a:p>
      </dgm:t>
    </dgm:pt>
    <dgm:pt modelId="{140DB552-8D71-47D1-9E78-D29269D5A3BE}">
      <dgm:prSet/>
      <dgm:spPr/>
      <dgm:t>
        <a:bodyPr/>
        <a:lstStyle/>
        <a:p>
          <a:r>
            <a:rPr lang="en-IN"/>
            <a:t>[4] Jiang, C., Maddela, M., Lan, W., Zhong, Y., &amp; Xu, W. (2020). Neural CRF Model for Sentence Alignment in Text Simplification. </a:t>
          </a:r>
          <a:endParaRPr lang="en-US"/>
        </a:p>
      </dgm:t>
    </dgm:pt>
    <dgm:pt modelId="{C5EF9D70-A729-4BE2-8A97-C57C8216B7E3}" type="parTrans" cxnId="{D6CF2DAC-2FDF-4CE9-9040-625EF7638FF7}">
      <dgm:prSet/>
      <dgm:spPr/>
      <dgm:t>
        <a:bodyPr/>
        <a:lstStyle/>
        <a:p>
          <a:endParaRPr lang="en-US"/>
        </a:p>
      </dgm:t>
    </dgm:pt>
    <dgm:pt modelId="{C3971AB7-9E1E-4E27-8D66-F00772B13976}" type="sibTrans" cxnId="{D6CF2DAC-2FDF-4CE9-9040-625EF7638FF7}">
      <dgm:prSet/>
      <dgm:spPr/>
      <dgm:t>
        <a:bodyPr/>
        <a:lstStyle/>
        <a:p>
          <a:endParaRPr lang="en-US"/>
        </a:p>
      </dgm:t>
    </dgm:pt>
    <dgm:pt modelId="{CB794E1B-2CE8-4232-94B5-8E0B2CE68169}">
      <dgm:prSet/>
      <dgm:spPr/>
      <dgm:t>
        <a:bodyPr/>
        <a:lstStyle/>
        <a:p>
          <a:r>
            <a:rPr lang="en-IN"/>
            <a:t>[5] Qiang, Jipeng et al. “LSBert: A Simple Framework for Lexical Simplification.” </a:t>
          </a:r>
          <a:endParaRPr lang="en-US"/>
        </a:p>
      </dgm:t>
    </dgm:pt>
    <dgm:pt modelId="{8713BC37-7B38-4F16-8ACA-63343F97AF74}" type="parTrans" cxnId="{A4DE5592-C619-43DE-BC2F-5E013B46DF6C}">
      <dgm:prSet/>
      <dgm:spPr/>
      <dgm:t>
        <a:bodyPr/>
        <a:lstStyle/>
        <a:p>
          <a:endParaRPr lang="en-US"/>
        </a:p>
      </dgm:t>
    </dgm:pt>
    <dgm:pt modelId="{7DA0D622-E3FC-4262-B39A-2724D19201F6}" type="sibTrans" cxnId="{A4DE5592-C619-43DE-BC2F-5E013B46DF6C}">
      <dgm:prSet/>
      <dgm:spPr/>
      <dgm:t>
        <a:bodyPr/>
        <a:lstStyle/>
        <a:p>
          <a:endParaRPr lang="en-US"/>
        </a:p>
      </dgm:t>
    </dgm:pt>
    <dgm:pt modelId="{70969404-8FF6-419B-9E8E-2D0112161E70}">
      <dgm:prSet/>
      <dgm:spPr/>
      <dgm:t>
        <a:bodyPr/>
        <a:lstStyle/>
        <a:p>
          <a:r>
            <a:rPr lang="en-IN"/>
            <a:t>[6]</a:t>
          </a:r>
          <a:r>
            <a:rPr lang="fr-FR"/>
            <a:t> L. Martin, B. Sagot, E. De la Clergerie, A. Bordes, Controllable Sentence Simplification</a:t>
          </a:r>
          <a:endParaRPr lang="en-US"/>
        </a:p>
      </dgm:t>
    </dgm:pt>
    <dgm:pt modelId="{92030839-79A9-4D73-AA92-153A09223C96}" type="parTrans" cxnId="{F2873152-0E10-4F84-B4E8-930AA91689C9}">
      <dgm:prSet/>
      <dgm:spPr/>
      <dgm:t>
        <a:bodyPr/>
        <a:lstStyle/>
        <a:p>
          <a:endParaRPr lang="en-US"/>
        </a:p>
      </dgm:t>
    </dgm:pt>
    <dgm:pt modelId="{DC8F78CA-4FD5-4BFA-9BDC-3706C8E9315B}" type="sibTrans" cxnId="{F2873152-0E10-4F84-B4E8-930AA91689C9}">
      <dgm:prSet/>
      <dgm:spPr/>
      <dgm:t>
        <a:bodyPr/>
        <a:lstStyle/>
        <a:p>
          <a:endParaRPr lang="en-US"/>
        </a:p>
      </dgm:t>
    </dgm:pt>
    <dgm:pt modelId="{F98E7C86-BF25-45DA-BA45-48DDB44ACD46}" type="pres">
      <dgm:prSet presAssocID="{E3C2C756-8FEE-445D-A85F-CFBDB457D401}" presName="vert0" presStyleCnt="0">
        <dgm:presLayoutVars>
          <dgm:dir/>
          <dgm:animOne val="branch"/>
          <dgm:animLvl val="lvl"/>
        </dgm:presLayoutVars>
      </dgm:prSet>
      <dgm:spPr/>
    </dgm:pt>
    <dgm:pt modelId="{DBE2010B-058E-4887-89D8-5E154C174E6E}" type="pres">
      <dgm:prSet presAssocID="{DE48AE3C-1979-48FD-B672-F25A8E509514}" presName="thickLine" presStyleLbl="alignNode1" presStyleIdx="0" presStyleCnt="6"/>
      <dgm:spPr/>
    </dgm:pt>
    <dgm:pt modelId="{49DF85A9-1A98-4AD0-BEE6-F8EBA536CF1D}" type="pres">
      <dgm:prSet presAssocID="{DE48AE3C-1979-48FD-B672-F25A8E509514}" presName="horz1" presStyleCnt="0"/>
      <dgm:spPr/>
    </dgm:pt>
    <dgm:pt modelId="{44938E31-6885-4C93-9238-CA5539108FBB}" type="pres">
      <dgm:prSet presAssocID="{DE48AE3C-1979-48FD-B672-F25A8E509514}" presName="tx1" presStyleLbl="revTx" presStyleIdx="0" presStyleCnt="6"/>
      <dgm:spPr/>
    </dgm:pt>
    <dgm:pt modelId="{5F67F0EE-DF64-43B1-B3C5-E2635AB9FFE0}" type="pres">
      <dgm:prSet presAssocID="{DE48AE3C-1979-48FD-B672-F25A8E509514}" presName="vert1" presStyleCnt="0"/>
      <dgm:spPr/>
    </dgm:pt>
    <dgm:pt modelId="{C4E67D20-50A0-4B5D-B5AC-1276B040E4CF}" type="pres">
      <dgm:prSet presAssocID="{40159D42-6AFD-4FCA-ADD8-30C33A805B19}" presName="thickLine" presStyleLbl="alignNode1" presStyleIdx="1" presStyleCnt="6"/>
      <dgm:spPr/>
    </dgm:pt>
    <dgm:pt modelId="{F27C9CD5-B8D1-494A-9468-88C4B070FAE7}" type="pres">
      <dgm:prSet presAssocID="{40159D42-6AFD-4FCA-ADD8-30C33A805B19}" presName="horz1" presStyleCnt="0"/>
      <dgm:spPr/>
    </dgm:pt>
    <dgm:pt modelId="{E71640D2-395F-43BA-AC37-50C0566C712C}" type="pres">
      <dgm:prSet presAssocID="{40159D42-6AFD-4FCA-ADD8-30C33A805B19}" presName="tx1" presStyleLbl="revTx" presStyleIdx="1" presStyleCnt="6"/>
      <dgm:spPr/>
    </dgm:pt>
    <dgm:pt modelId="{E2321EEC-B00B-4650-B8E1-37C48F9A0084}" type="pres">
      <dgm:prSet presAssocID="{40159D42-6AFD-4FCA-ADD8-30C33A805B19}" presName="vert1" presStyleCnt="0"/>
      <dgm:spPr/>
    </dgm:pt>
    <dgm:pt modelId="{9B5C4FAB-D315-4333-89A5-EDDC5E442056}" type="pres">
      <dgm:prSet presAssocID="{F347256E-77A0-49C0-A96B-A98A460395AA}" presName="thickLine" presStyleLbl="alignNode1" presStyleIdx="2" presStyleCnt="6"/>
      <dgm:spPr/>
    </dgm:pt>
    <dgm:pt modelId="{3D84B797-39F4-4BF3-8CD0-1374FF865600}" type="pres">
      <dgm:prSet presAssocID="{F347256E-77A0-49C0-A96B-A98A460395AA}" presName="horz1" presStyleCnt="0"/>
      <dgm:spPr/>
    </dgm:pt>
    <dgm:pt modelId="{E14C5F6E-E5AF-4B45-B015-3B6288110FC5}" type="pres">
      <dgm:prSet presAssocID="{F347256E-77A0-49C0-A96B-A98A460395AA}" presName="tx1" presStyleLbl="revTx" presStyleIdx="2" presStyleCnt="6"/>
      <dgm:spPr/>
    </dgm:pt>
    <dgm:pt modelId="{4285FBD7-A388-4847-89C2-2A51A9439D2A}" type="pres">
      <dgm:prSet presAssocID="{F347256E-77A0-49C0-A96B-A98A460395AA}" presName="vert1" presStyleCnt="0"/>
      <dgm:spPr/>
    </dgm:pt>
    <dgm:pt modelId="{A1CDFBA9-EE1F-4682-A815-6C0330143462}" type="pres">
      <dgm:prSet presAssocID="{140DB552-8D71-47D1-9E78-D29269D5A3BE}" presName="thickLine" presStyleLbl="alignNode1" presStyleIdx="3" presStyleCnt="6"/>
      <dgm:spPr/>
    </dgm:pt>
    <dgm:pt modelId="{D80A5F22-1F04-4B1B-B5F9-CA903541E38F}" type="pres">
      <dgm:prSet presAssocID="{140DB552-8D71-47D1-9E78-D29269D5A3BE}" presName="horz1" presStyleCnt="0"/>
      <dgm:spPr/>
    </dgm:pt>
    <dgm:pt modelId="{E9117199-CB24-482C-93F3-1E95CF914BC9}" type="pres">
      <dgm:prSet presAssocID="{140DB552-8D71-47D1-9E78-D29269D5A3BE}" presName="tx1" presStyleLbl="revTx" presStyleIdx="3" presStyleCnt="6"/>
      <dgm:spPr/>
    </dgm:pt>
    <dgm:pt modelId="{22BA30EF-47EB-446F-B73F-62E7AD0766C8}" type="pres">
      <dgm:prSet presAssocID="{140DB552-8D71-47D1-9E78-D29269D5A3BE}" presName="vert1" presStyleCnt="0"/>
      <dgm:spPr/>
    </dgm:pt>
    <dgm:pt modelId="{D41EA7A0-8488-4A90-AE97-348F5059352B}" type="pres">
      <dgm:prSet presAssocID="{CB794E1B-2CE8-4232-94B5-8E0B2CE68169}" presName="thickLine" presStyleLbl="alignNode1" presStyleIdx="4" presStyleCnt="6"/>
      <dgm:spPr/>
    </dgm:pt>
    <dgm:pt modelId="{CCA95687-B767-4C48-AB76-D1B3104563BE}" type="pres">
      <dgm:prSet presAssocID="{CB794E1B-2CE8-4232-94B5-8E0B2CE68169}" presName="horz1" presStyleCnt="0"/>
      <dgm:spPr/>
    </dgm:pt>
    <dgm:pt modelId="{33B6882E-9926-48C3-ADF6-C44D1289182F}" type="pres">
      <dgm:prSet presAssocID="{CB794E1B-2CE8-4232-94B5-8E0B2CE68169}" presName="tx1" presStyleLbl="revTx" presStyleIdx="4" presStyleCnt="6"/>
      <dgm:spPr/>
    </dgm:pt>
    <dgm:pt modelId="{B54BC69B-EAA8-4B8E-AFA2-84671CCCE083}" type="pres">
      <dgm:prSet presAssocID="{CB794E1B-2CE8-4232-94B5-8E0B2CE68169}" presName="vert1" presStyleCnt="0"/>
      <dgm:spPr/>
    </dgm:pt>
    <dgm:pt modelId="{FE9C54BD-12E0-40D0-96CE-9845025FBEF7}" type="pres">
      <dgm:prSet presAssocID="{70969404-8FF6-419B-9E8E-2D0112161E70}" presName="thickLine" presStyleLbl="alignNode1" presStyleIdx="5" presStyleCnt="6"/>
      <dgm:spPr/>
    </dgm:pt>
    <dgm:pt modelId="{F515BFB1-4421-4779-A2CF-7A5CDF6649DF}" type="pres">
      <dgm:prSet presAssocID="{70969404-8FF6-419B-9E8E-2D0112161E70}" presName="horz1" presStyleCnt="0"/>
      <dgm:spPr/>
    </dgm:pt>
    <dgm:pt modelId="{F2B53536-8135-4341-910E-1F10DE1201AF}" type="pres">
      <dgm:prSet presAssocID="{70969404-8FF6-419B-9E8E-2D0112161E70}" presName="tx1" presStyleLbl="revTx" presStyleIdx="5" presStyleCnt="6"/>
      <dgm:spPr/>
    </dgm:pt>
    <dgm:pt modelId="{4F7D75EC-08FE-4A8A-BDE1-0CB90B65AA73}" type="pres">
      <dgm:prSet presAssocID="{70969404-8FF6-419B-9E8E-2D0112161E70}" presName="vert1" presStyleCnt="0"/>
      <dgm:spPr/>
    </dgm:pt>
  </dgm:ptLst>
  <dgm:cxnLst>
    <dgm:cxn modelId="{718CC104-CE3A-48AB-96CF-70D1A8BA0F2F}" type="presOf" srcId="{70969404-8FF6-419B-9E8E-2D0112161E70}" destId="{F2B53536-8135-4341-910E-1F10DE1201AF}" srcOrd="0" destOrd="0" presId="urn:microsoft.com/office/officeart/2008/layout/LinedList"/>
    <dgm:cxn modelId="{1B12E420-2240-4695-A322-D71B3881FDFC}" type="presOf" srcId="{E3C2C756-8FEE-445D-A85F-CFBDB457D401}" destId="{F98E7C86-BF25-45DA-BA45-48DDB44ACD46}" srcOrd="0" destOrd="0" presId="urn:microsoft.com/office/officeart/2008/layout/LinedList"/>
    <dgm:cxn modelId="{0345D061-B113-4737-95C5-FA54372F4219}" type="presOf" srcId="{DE48AE3C-1979-48FD-B672-F25A8E509514}" destId="{44938E31-6885-4C93-9238-CA5539108FBB}" srcOrd="0" destOrd="0" presId="urn:microsoft.com/office/officeart/2008/layout/LinedList"/>
    <dgm:cxn modelId="{2ADAD962-41E2-4951-AC66-19E89C0C6703}" srcId="{E3C2C756-8FEE-445D-A85F-CFBDB457D401}" destId="{DE48AE3C-1979-48FD-B672-F25A8E509514}" srcOrd="0" destOrd="0" parTransId="{E8CCA9C8-FBD2-4D9F-986B-4BA9119F0EB1}" sibTransId="{24176322-6542-453D-970D-4A5814A53A43}"/>
    <dgm:cxn modelId="{EC4AB964-D866-4AD9-B0F7-8B846D5A40E3}" srcId="{E3C2C756-8FEE-445D-A85F-CFBDB457D401}" destId="{F347256E-77A0-49C0-A96B-A98A460395AA}" srcOrd="2" destOrd="0" parTransId="{2C89218D-57D2-4D21-86D4-6FE7D1AA90EB}" sibTransId="{CBFA2A0D-A1EF-4289-B67C-D229C7AA879A}"/>
    <dgm:cxn modelId="{388C856C-DD22-45C8-B215-537226E8236F}" type="presOf" srcId="{CB794E1B-2CE8-4232-94B5-8E0B2CE68169}" destId="{33B6882E-9926-48C3-ADF6-C44D1289182F}" srcOrd="0" destOrd="0" presId="urn:microsoft.com/office/officeart/2008/layout/LinedList"/>
    <dgm:cxn modelId="{F2873152-0E10-4F84-B4E8-930AA91689C9}" srcId="{E3C2C756-8FEE-445D-A85F-CFBDB457D401}" destId="{70969404-8FF6-419B-9E8E-2D0112161E70}" srcOrd="5" destOrd="0" parTransId="{92030839-79A9-4D73-AA92-153A09223C96}" sibTransId="{DC8F78CA-4FD5-4BFA-9BDC-3706C8E9315B}"/>
    <dgm:cxn modelId="{68FC2757-E5B6-4524-A883-8F3DEC289BD9}" type="presOf" srcId="{140DB552-8D71-47D1-9E78-D29269D5A3BE}" destId="{E9117199-CB24-482C-93F3-1E95CF914BC9}" srcOrd="0" destOrd="0" presId="urn:microsoft.com/office/officeart/2008/layout/LinedList"/>
    <dgm:cxn modelId="{A4DE5592-C619-43DE-BC2F-5E013B46DF6C}" srcId="{E3C2C756-8FEE-445D-A85F-CFBDB457D401}" destId="{CB794E1B-2CE8-4232-94B5-8E0B2CE68169}" srcOrd="4" destOrd="0" parTransId="{8713BC37-7B38-4F16-8ACA-63343F97AF74}" sibTransId="{7DA0D622-E3FC-4262-B39A-2724D19201F6}"/>
    <dgm:cxn modelId="{D6CF2DAC-2FDF-4CE9-9040-625EF7638FF7}" srcId="{E3C2C756-8FEE-445D-A85F-CFBDB457D401}" destId="{140DB552-8D71-47D1-9E78-D29269D5A3BE}" srcOrd="3" destOrd="0" parTransId="{C5EF9D70-A729-4BE2-8A97-C57C8216B7E3}" sibTransId="{C3971AB7-9E1E-4E27-8D66-F00772B13976}"/>
    <dgm:cxn modelId="{57904AD0-CDCA-490D-BE77-1B7A97EB0E7F}" srcId="{E3C2C756-8FEE-445D-A85F-CFBDB457D401}" destId="{40159D42-6AFD-4FCA-ADD8-30C33A805B19}" srcOrd="1" destOrd="0" parTransId="{A38B2150-6937-41E2-997F-CD98C328DAE2}" sibTransId="{CFB7B62A-4D8B-4C7C-BD02-B3C2761A2098}"/>
    <dgm:cxn modelId="{C25731DF-894B-4E42-921F-03CD51B8E09D}" type="presOf" srcId="{40159D42-6AFD-4FCA-ADD8-30C33A805B19}" destId="{E71640D2-395F-43BA-AC37-50C0566C712C}" srcOrd="0" destOrd="0" presId="urn:microsoft.com/office/officeart/2008/layout/LinedList"/>
    <dgm:cxn modelId="{7EBC2DEB-E5B1-496E-B332-4BAA89601E57}" type="presOf" srcId="{F347256E-77A0-49C0-A96B-A98A460395AA}" destId="{E14C5F6E-E5AF-4B45-B015-3B6288110FC5}" srcOrd="0" destOrd="0" presId="urn:microsoft.com/office/officeart/2008/layout/LinedList"/>
    <dgm:cxn modelId="{6C803178-F70C-4DD9-9026-AD945B55931F}" type="presParOf" srcId="{F98E7C86-BF25-45DA-BA45-48DDB44ACD46}" destId="{DBE2010B-058E-4887-89D8-5E154C174E6E}" srcOrd="0" destOrd="0" presId="urn:microsoft.com/office/officeart/2008/layout/LinedList"/>
    <dgm:cxn modelId="{CEF28839-7CCD-4C20-9BB7-9B8E0939A156}" type="presParOf" srcId="{F98E7C86-BF25-45DA-BA45-48DDB44ACD46}" destId="{49DF85A9-1A98-4AD0-BEE6-F8EBA536CF1D}" srcOrd="1" destOrd="0" presId="urn:microsoft.com/office/officeart/2008/layout/LinedList"/>
    <dgm:cxn modelId="{C1635C64-0F89-4C29-91B8-522AAC6357A1}" type="presParOf" srcId="{49DF85A9-1A98-4AD0-BEE6-F8EBA536CF1D}" destId="{44938E31-6885-4C93-9238-CA5539108FBB}" srcOrd="0" destOrd="0" presId="urn:microsoft.com/office/officeart/2008/layout/LinedList"/>
    <dgm:cxn modelId="{D734B047-DA7B-49C1-9661-A496C135C8A3}" type="presParOf" srcId="{49DF85A9-1A98-4AD0-BEE6-F8EBA536CF1D}" destId="{5F67F0EE-DF64-43B1-B3C5-E2635AB9FFE0}" srcOrd="1" destOrd="0" presId="urn:microsoft.com/office/officeart/2008/layout/LinedList"/>
    <dgm:cxn modelId="{959DF5B6-AAE2-4510-965B-92C573C69165}" type="presParOf" srcId="{F98E7C86-BF25-45DA-BA45-48DDB44ACD46}" destId="{C4E67D20-50A0-4B5D-B5AC-1276B040E4CF}" srcOrd="2" destOrd="0" presId="urn:microsoft.com/office/officeart/2008/layout/LinedList"/>
    <dgm:cxn modelId="{8F9B28BA-AE1A-42EC-B81A-701FB21E441D}" type="presParOf" srcId="{F98E7C86-BF25-45DA-BA45-48DDB44ACD46}" destId="{F27C9CD5-B8D1-494A-9468-88C4B070FAE7}" srcOrd="3" destOrd="0" presId="urn:microsoft.com/office/officeart/2008/layout/LinedList"/>
    <dgm:cxn modelId="{377B2E9A-004A-4C1C-84E5-C4DFA335BDD3}" type="presParOf" srcId="{F27C9CD5-B8D1-494A-9468-88C4B070FAE7}" destId="{E71640D2-395F-43BA-AC37-50C0566C712C}" srcOrd="0" destOrd="0" presId="urn:microsoft.com/office/officeart/2008/layout/LinedList"/>
    <dgm:cxn modelId="{6DB8A12D-7DCD-40A4-A849-BA59E0209D89}" type="presParOf" srcId="{F27C9CD5-B8D1-494A-9468-88C4B070FAE7}" destId="{E2321EEC-B00B-4650-B8E1-37C48F9A0084}" srcOrd="1" destOrd="0" presId="urn:microsoft.com/office/officeart/2008/layout/LinedList"/>
    <dgm:cxn modelId="{F3E0DB06-480B-44B3-83EA-4DC93221BC80}" type="presParOf" srcId="{F98E7C86-BF25-45DA-BA45-48DDB44ACD46}" destId="{9B5C4FAB-D315-4333-89A5-EDDC5E442056}" srcOrd="4" destOrd="0" presId="urn:microsoft.com/office/officeart/2008/layout/LinedList"/>
    <dgm:cxn modelId="{134619D2-DF0E-479C-B31E-708FBE0BC784}" type="presParOf" srcId="{F98E7C86-BF25-45DA-BA45-48DDB44ACD46}" destId="{3D84B797-39F4-4BF3-8CD0-1374FF865600}" srcOrd="5" destOrd="0" presId="urn:microsoft.com/office/officeart/2008/layout/LinedList"/>
    <dgm:cxn modelId="{4BFC2D30-1378-443E-ADDB-6026C2798C10}" type="presParOf" srcId="{3D84B797-39F4-4BF3-8CD0-1374FF865600}" destId="{E14C5F6E-E5AF-4B45-B015-3B6288110FC5}" srcOrd="0" destOrd="0" presId="urn:microsoft.com/office/officeart/2008/layout/LinedList"/>
    <dgm:cxn modelId="{572182FB-0916-4C89-AC79-852FCA3E1054}" type="presParOf" srcId="{3D84B797-39F4-4BF3-8CD0-1374FF865600}" destId="{4285FBD7-A388-4847-89C2-2A51A9439D2A}" srcOrd="1" destOrd="0" presId="urn:microsoft.com/office/officeart/2008/layout/LinedList"/>
    <dgm:cxn modelId="{54497505-B1EC-4B2C-BE89-89D8CCCB2474}" type="presParOf" srcId="{F98E7C86-BF25-45DA-BA45-48DDB44ACD46}" destId="{A1CDFBA9-EE1F-4682-A815-6C0330143462}" srcOrd="6" destOrd="0" presId="urn:microsoft.com/office/officeart/2008/layout/LinedList"/>
    <dgm:cxn modelId="{11B07FBF-D2D7-4AB4-8C76-40B3B9BDEFFB}" type="presParOf" srcId="{F98E7C86-BF25-45DA-BA45-48DDB44ACD46}" destId="{D80A5F22-1F04-4B1B-B5F9-CA903541E38F}" srcOrd="7" destOrd="0" presId="urn:microsoft.com/office/officeart/2008/layout/LinedList"/>
    <dgm:cxn modelId="{91215B53-334E-4559-A39E-F5D909AC3402}" type="presParOf" srcId="{D80A5F22-1F04-4B1B-B5F9-CA903541E38F}" destId="{E9117199-CB24-482C-93F3-1E95CF914BC9}" srcOrd="0" destOrd="0" presId="urn:microsoft.com/office/officeart/2008/layout/LinedList"/>
    <dgm:cxn modelId="{8DECBD13-F9B1-40EC-897D-9600C284B3AC}" type="presParOf" srcId="{D80A5F22-1F04-4B1B-B5F9-CA903541E38F}" destId="{22BA30EF-47EB-446F-B73F-62E7AD0766C8}" srcOrd="1" destOrd="0" presId="urn:microsoft.com/office/officeart/2008/layout/LinedList"/>
    <dgm:cxn modelId="{4A2638BF-1CBC-4322-B29B-76F2A2BAE299}" type="presParOf" srcId="{F98E7C86-BF25-45DA-BA45-48DDB44ACD46}" destId="{D41EA7A0-8488-4A90-AE97-348F5059352B}" srcOrd="8" destOrd="0" presId="urn:microsoft.com/office/officeart/2008/layout/LinedList"/>
    <dgm:cxn modelId="{D807656E-BC51-4818-AAB4-A7022D2AE676}" type="presParOf" srcId="{F98E7C86-BF25-45DA-BA45-48DDB44ACD46}" destId="{CCA95687-B767-4C48-AB76-D1B3104563BE}" srcOrd="9" destOrd="0" presId="urn:microsoft.com/office/officeart/2008/layout/LinedList"/>
    <dgm:cxn modelId="{5F59F97F-2205-4B11-9C83-17A62D22DBB0}" type="presParOf" srcId="{CCA95687-B767-4C48-AB76-D1B3104563BE}" destId="{33B6882E-9926-48C3-ADF6-C44D1289182F}" srcOrd="0" destOrd="0" presId="urn:microsoft.com/office/officeart/2008/layout/LinedList"/>
    <dgm:cxn modelId="{9CC82732-61AB-4612-8C98-EBA911670626}" type="presParOf" srcId="{CCA95687-B767-4C48-AB76-D1B3104563BE}" destId="{B54BC69B-EAA8-4B8E-AFA2-84671CCCE083}" srcOrd="1" destOrd="0" presId="urn:microsoft.com/office/officeart/2008/layout/LinedList"/>
    <dgm:cxn modelId="{C835562E-D5DA-4637-9BE3-C2BE71D4CE50}" type="presParOf" srcId="{F98E7C86-BF25-45DA-BA45-48DDB44ACD46}" destId="{FE9C54BD-12E0-40D0-96CE-9845025FBEF7}" srcOrd="10" destOrd="0" presId="urn:microsoft.com/office/officeart/2008/layout/LinedList"/>
    <dgm:cxn modelId="{0A8B8641-7247-47BF-8BBF-EDDF105D1134}" type="presParOf" srcId="{F98E7C86-BF25-45DA-BA45-48DDB44ACD46}" destId="{F515BFB1-4421-4779-A2CF-7A5CDF6649DF}" srcOrd="11" destOrd="0" presId="urn:microsoft.com/office/officeart/2008/layout/LinedList"/>
    <dgm:cxn modelId="{2274BC45-4E7C-4402-AA3A-C29DFE6B34AF}" type="presParOf" srcId="{F515BFB1-4421-4779-A2CF-7A5CDF6649DF}" destId="{F2B53536-8135-4341-910E-1F10DE1201AF}" srcOrd="0" destOrd="0" presId="urn:microsoft.com/office/officeart/2008/layout/LinedList"/>
    <dgm:cxn modelId="{4CCCB762-182A-413C-B707-17E1179BC636}" type="presParOf" srcId="{F515BFB1-4421-4779-A2CF-7A5CDF6649DF}" destId="{4F7D75EC-08FE-4A8A-BDE1-0CB90B65AA73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BC2A8CF-F6DF-4D3F-A8F7-1124C87D33AB}">
      <dsp:nvSpPr>
        <dsp:cNvPr id="0" name=""/>
        <dsp:cNvSpPr/>
      </dsp:nvSpPr>
      <dsp:spPr>
        <a:xfrm>
          <a:off x="0" y="2241"/>
          <a:ext cx="11523133" cy="1136040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FB1C4FD-6330-434B-9ECC-4C47D947FF2F}">
      <dsp:nvSpPr>
        <dsp:cNvPr id="0" name=""/>
        <dsp:cNvSpPr/>
      </dsp:nvSpPr>
      <dsp:spPr>
        <a:xfrm>
          <a:off x="343652" y="257850"/>
          <a:ext cx="624822" cy="62482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93E73E9-4A1C-4342-8C08-DA6A275F2435}">
      <dsp:nvSpPr>
        <dsp:cNvPr id="0" name=""/>
        <dsp:cNvSpPr/>
      </dsp:nvSpPr>
      <dsp:spPr>
        <a:xfrm>
          <a:off x="1312126" y="2241"/>
          <a:ext cx="10211006" cy="113604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231" tIns="120231" rIns="120231" bIns="120231" numCol="1" spcCol="1270" anchor="ctr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200" kern="1200"/>
            <a:t>Low written language comprehension (76% of the non-native-English speakers, 37 percent of the native-English-speakers) [1]</a:t>
          </a:r>
          <a:endParaRPr lang="en-US" sz="2200" kern="1200"/>
        </a:p>
      </dsp:txBody>
      <dsp:txXfrm>
        <a:off x="1312126" y="2241"/>
        <a:ext cx="10211006" cy="1136040"/>
      </dsp:txXfrm>
    </dsp:sp>
    <dsp:sp modelId="{D6FB7373-487E-4926-91A5-486A15816DDD}">
      <dsp:nvSpPr>
        <dsp:cNvPr id="0" name=""/>
        <dsp:cNvSpPr/>
      </dsp:nvSpPr>
      <dsp:spPr>
        <a:xfrm>
          <a:off x="0" y="1422292"/>
          <a:ext cx="11523133" cy="1136040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DBC831A-2430-4257-AB47-252A7E3E8C8C}">
      <dsp:nvSpPr>
        <dsp:cNvPr id="0" name=""/>
        <dsp:cNvSpPr/>
      </dsp:nvSpPr>
      <dsp:spPr>
        <a:xfrm>
          <a:off x="343652" y="1677901"/>
          <a:ext cx="624822" cy="624822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3379D2A-FD04-464C-A414-0AB1D08882EC}">
      <dsp:nvSpPr>
        <dsp:cNvPr id="0" name=""/>
        <dsp:cNvSpPr/>
      </dsp:nvSpPr>
      <dsp:spPr>
        <a:xfrm>
          <a:off x="1312126" y="1422292"/>
          <a:ext cx="10211006" cy="113604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231" tIns="120231" rIns="120231" bIns="120231" numCol="1" spcCol="1270" anchor="ctr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200" kern="1200"/>
            <a:t>Inability to comprehend legal language</a:t>
          </a:r>
          <a:endParaRPr lang="en-US" sz="2200" kern="1200"/>
        </a:p>
      </dsp:txBody>
      <dsp:txXfrm>
        <a:off x="1312126" y="1422292"/>
        <a:ext cx="10211006" cy="1136040"/>
      </dsp:txXfrm>
    </dsp:sp>
    <dsp:sp modelId="{C9FBBFFC-3554-4E4A-A0E1-6035DF2A3A8F}">
      <dsp:nvSpPr>
        <dsp:cNvPr id="0" name=""/>
        <dsp:cNvSpPr/>
      </dsp:nvSpPr>
      <dsp:spPr>
        <a:xfrm>
          <a:off x="0" y="2842342"/>
          <a:ext cx="11523133" cy="1136040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D28133F-767B-4424-B18C-91FB9CDDE78B}">
      <dsp:nvSpPr>
        <dsp:cNvPr id="0" name=""/>
        <dsp:cNvSpPr/>
      </dsp:nvSpPr>
      <dsp:spPr>
        <a:xfrm>
          <a:off x="343652" y="3097951"/>
          <a:ext cx="624822" cy="624822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DA42644-9238-47A7-B953-6A531B0B9C5A}">
      <dsp:nvSpPr>
        <dsp:cNvPr id="0" name=""/>
        <dsp:cNvSpPr/>
      </dsp:nvSpPr>
      <dsp:spPr>
        <a:xfrm>
          <a:off x="1312126" y="2842342"/>
          <a:ext cx="10211006" cy="113604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231" tIns="120231" rIns="120231" bIns="120231" numCol="1" spcCol="1270" anchor="ctr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200" kern="1200"/>
            <a:t>Simplified text improves readability of laws [2]</a:t>
          </a:r>
          <a:endParaRPr lang="en-US" sz="2200" kern="1200"/>
        </a:p>
      </dsp:txBody>
      <dsp:txXfrm>
        <a:off x="1312126" y="2842342"/>
        <a:ext cx="10211006" cy="1136040"/>
      </dsp:txXfrm>
    </dsp:sp>
    <dsp:sp modelId="{C6A593E8-5D42-4530-9BD5-C253DD03862C}">
      <dsp:nvSpPr>
        <dsp:cNvPr id="0" name=""/>
        <dsp:cNvSpPr/>
      </dsp:nvSpPr>
      <dsp:spPr>
        <a:xfrm>
          <a:off x="0" y="4262393"/>
          <a:ext cx="11523133" cy="1136040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3191D8-0B7E-4B8C-B2FF-AC14C5AFD27E}">
      <dsp:nvSpPr>
        <dsp:cNvPr id="0" name=""/>
        <dsp:cNvSpPr/>
      </dsp:nvSpPr>
      <dsp:spPr>
        <a:xfrm>
          <a:off x="343652" y="4518002"/>
          <a:ext cx="624822" cy="624822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D7F2E7B-089C-49F0-A2F1-EA9D61739F46}">
      <dsp:nvSpPr>
        <dsp:cNvPr id="0" name=""/>
        <dsp:cNvSpPr/>
      </dsp:nvSpPr>
      <dsp:spPr>
        <a:xfrm>
          <a:off x="1312126" y="4262393"/>
          <a:ext cx="10211006" cy="113604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231" tIns="120231" rIns="120231" bIns="120231" numCol="1" spcCol="1270" anchor="ctr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200" kern="1200"/>
            <a:t>Makes legal information more accessible</a:t>
          </a:r>
          <a:endParaRPr lang="en-US" sz="2200" kern="1200"/>
        </a:p>
      </dsp:txBody>
      <dsp:txXfrm>
        <a:off x="1312126" y="4262393"/>
        <a:ext cx="10211006" cy="113604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1F7B5CD-EBE4-4504-A773-0306A05ED08A}">
      <dsp:nvSpPr>
        <dsp:cNvPr id="0" name=""/>
        <dsp:cNvSpPr/>
      </dsp:nvSpPr>
      <dsp:spPr>
        <a:xfrm>
          <a:off x="1063566" y="1054423"/>
          <a:ext cx="1512000" cy="151200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350A59-AC20-43B4-8813-8BBA9E83359F}">
      <dsp:nvSpPr>
        <dsp:cNvPr id="0" name=""/>
        <dsp:cNvSpPr/>
      </dsp:nvSpPr>
      <dsp:spPr>
        <a:xfrm>
          <a:off x="1063566" y="2707972"/>
          <a:ext cx="4320000" cy="648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b="1"/>
          </a:pPr>
          <a:r>
            <a:rPr lang="en-IN" sz="1700" kern="1200"/>
            <a:t>How do we characterize easy and difficult legal text?</a:t>
          </a:r>
          <a:endParaRPr lang="en-US" sz="1700" kern="1200"/>
        </a:p>
      </dsp:txBody>
      <dsp:txXfrm>
        <a:off x="1063566" y="2707972"/>
        <a:ext cx="4320000" cy="648000"/>
      </dsp:txXfrm>
    </dsp:sp>
    <dsp:sp modelId="{C15225E7-EC19-4B65-BA17-48EE9C052B3C}">
      <dsp:nvSpPr>
        <dsp:cNvPr id="0" name=""/>
        <dsp:cNvSpPr/>
      </dsp:nvSpPr>
      <dsp:spPr>
        <a:xfrm>
          <a:off x="1063566" y="3421808"/>
          <a:ext cx="4320000" cy="92444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300" kern="1200"/>
            <a:t>How can we find and automatically align easy legal text with laws in their original form to create a parallel aligned corpus?</a:t>
          </a:r>
          <a:endParaRPr lang="en-US" sz="1300" kern="1200"/>
        </a:p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300" kern="1200"/>
            <a:t>How can we use this corpus to understand the features of easy and hard to read legal text?</a:t>
          </a:r>
          <a:endParaRPr lang="en-US" sz="1300" kern="1200"/>
        </a:p>
      </dsp:txBody>
      <dsp:txXfrm>
        <a:off x="1063566" y="3421808"/>
        <a:ext cx="4320000" cy="924442"/>
      </dsp:txXfrm>
    </dsp:sp>
    <dsp:sp modelId="{BFDBC479-F6A1-431D-B04B-D586DA59143A}">
      <dsp:nvSpPr>
        <dsp:cNvPr id="0" name=""/>
        <dsp:cNvSpPr/>
      </dsp:nvSpPr>
      <dsp:spPr>
        <a:xfrm>
          <a:off x="6139566" y="1054423"/>
          <a:ext cx="1512000" cy="151200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35919A8-0FEC-4D3F-830D-33E0B6EEE678}">
      <dsp:nvSpPr>
        <dsp:cNvPr id="0" name=""/>
        <dsp:cNvSpPr/>
      </dsp:nvSpPr>
      <dsp:spPr>
        <a:xfrm>
          <a:off x="6139566" y="2707972"/>
          <a:ext cx="4320000" cy="648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b="1"/>
          </a:pPr>
          <a:r>
            <a:rPr lang="en-IN" sz="1700" kern="1200"/>
            <a:t>How do the state-of-the-art simplification models perform on legal data?</a:t>
          </a:r>
          <a:endParaRPr lang="en-US" sz="1700" kern="1200"/>
        </a:p>
      </dsp:txBody>
      <dsp:txXfrm>
        <a:off x="6139566" y="2707972"/>
        <a:ext cx="4320000" cy="648000"/>
      </dsp:txXfrm>
    </dsp:sp>
    <dsp:sp modelId="{FCD93548-49BD-4C43-8916-6EA924EC3DE5}">
      <dsp:nvSpPr>
        <dsp:cNvPr id="0" name=""/>
        <dsp:cNvSpPr/>
      </dsp:nvSpPr>
      <dsp:spPr>
        <a:xfrm>
          <a:off x="6139566" y="3421808"/>
          <a:ext cx="4320000" cy="92444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0BDB6B2-059B-4A8B-8003-F8D8CF573699}">
      <dsp:nvSpPr>
        <dsp:cNvPr id="0" name=""/>
        <dsp:cNvSpPr/>
      </dsp:nvSpPr>
      <dsp:spPr>
        <a:xfrm>
          <a:off x="0" y="0"/>
          <a:ext cx="56642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28E6E9B-3348-4F49-B4DC-BD788C502A53}">
      <dsp:nvSpPr>
        <dsp:cNvPr id="0" name=""/>
        <dsp:cNvSpPr/>
      </dsp:nvSpPr>
      <dsp:spPr>
        <a:xfrm>
          <a:off x="0" y="0"/>
          <a:ext cx="1132840" cy="128697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dirty="0"/>
            <a:t>Find</a:t>
          </a:r>
        </a:p>
      </dsp:txBody>
      <dsp:txXfrm>
        <a:off x="0" y="0"/>
        <a:ext cx="1132840" cy="1286978"/>
      </dsp:txXfrm>
    </dsp:sp>
    <dsp:sp modelId="{CC43E170-D3E6-415E-810A-1044EB733844}">
      <dsp:nvSpPr>
        <dsp:cNvPr id="0" name=""/>
        <dsp:cNvSpPr/>
      </dsp:nvSpPr>
      <dsp:spPr>
        <a:xfrm>
          <a:off x="1217803" y="58441"/>
          <a:ext cx="2872505" cy="116883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marL="0" lvl="0" indent="0" algn="l" defTabSz="7556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 dirty="0"/>
            <a:t>Find easily readable legal text and standard legal counterpart</a:t>
          </a:r>
        </a:p>
      </dsp:txBody>
      <dsp:txXfrm>
        <a:off x="1217803" y="58441"/>
        <a:ext cx="2872505" cy="1168838"/>
      </dsp:txXfrm>
    </dsp:sp>
    <dsp:sp modelId="{5ECA0140-C6D0-4C1A-8EB7-D98CDCEE2038}">
      <dsp:nvSpPr>
        <dsp:cNvPr id="0" name=""/>
        <dsp:cNvSpPr/>
      </dsp:nvSpPr>
      <dsp:spPr>
        <a:xfrm>
          <a:off x="1132840" y="1227280"/>
          <a:ext cx="453136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6466FCF-B4FF-4706-9117-007FD33E001A}">
      <dsp:nvSpPr>
        <dsp:cNvPr id="0" name=""/>
        <dsp:cNvSpPr/>
      </dsp:nvSpPr>
      <dsp:spPr>
        <a:xfrm>
          <a:off x="0" y="1286978"/>
          <a:ext cx="56642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D2D5631-CC94-436E-8D9B-F60BADFD9B20}">
      <dsp:nvSpPr>
        <dsp:cNvPr id="0" name=""/>
        <dsp:cNvSpPr/>
      </dsp:nvSpPr>
      <dsp:spPr>
        <a:xfrm>
          <a:off x="0" y="1286978"/>
          <a:ext cx="1132840" cy="128697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/>
            <a:t>Scrape and store</a:t>
          </a:r>
        </a:p>
      </dsp:txBody>
      <dsp:txXfrm>
        <a:off x="0" y="1286978"/>
        <a:ext cx="1132840" cy="1286978"/>
      </dsp:txXfrm>
    </dsp:sp>
    <dsp:sp modelId="{6F472896-C7F0-40A2-A9F8-3B1D7C7243FB}">
      <dsp:nvSpPr>
        <dsp:cNvPr id="0" name=""/>
        <dsp:cNvSpPr/>
      </dsp:nvSpPr>
      <dsp:spPr>
        <a:xfrm>
          <a:off x="1217803" y="1345420"/>
          <a:ext cx="3016520" cy="116883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marL="0" lvl="0" indent="0" algn="l" defTabSz="7556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 dirty="0"/>
            <a:t>Scrape and store text in appropriate data structure</a:t>
          </a:r>
        </a:p>
      </dsp:txBody>
      <dsp:txXfrm>
        <a:off x="1217803" y="1345420"/>
        <a:ext cx="3016520" cy="1168838"/>
      </dsp:txXfrm>
    </dsp:sp>
    <dsp:sp modelId="{63E33E6C-E280-4632-8B76-5269B3BA5C8D}">
      <dsp:nvSpPr>
        <dsp:cNvPr id="0" name=""/>
        <dsp:cNvSpPr/>
      </dsp:nvSpPr>
      <dsp:spPr>
        <a:xfrm>
          <a:off x="1132840" y="2514258"/>
          <a:ext cx="453136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67B8AC2-B626-4033-911A-31AD6AA0AF0D}">
      <dsp:nvSpPr>
        <dsp:cNvPr id="0" name=""/>
        <dsp:cNvSpPr/>
      </dsp:nvSpPr>
      <dsp:spPr>
        <a:xfrm>
          <a:off x="0" y="2573957"/>
          <a:ext cx="56642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314EA6E-EEBE-4E47-9DB1-7FC086989948}">
      <dsp:nvSpPr>
        <dsp:cNvPr id="0" name=""/>
        <dsp:cNvSpPr/>
      </dsp:nvSpPr>
      <dsp:spPr>
        <a:xfrm>
          <a:off x="0" y="2573957"/>
          <a:ext cx="1132840" cy="128697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/>
            <a:t>Align</a:t>
          </a:r>
        </a:p>
      </dsp:txBody>
      <dsp:txXfrm>
        <a:off x="0" y="2573957"/>
        <a:ext cx="1132840" cy="1286978"/>
      </dsp:txXfrm>
    </dsp:sp>
    <dsp:sp modelId="{2B64680B-F4B7-4968-81AC-AD7DE9DC36A0}">
      <dsp:nvSpPr>
        <dsp:cNvPr id="0" name=""/>
        <dsp:cNvSpPr/>
      </dsp:nvSpPr>
      <dsp:spPr>
        <a:xfrm>
          <a:off x="1217803" y="2632399"/>
          <a:ext cx="2180717" cy="116883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marL="0" lvl="0" indent="0" algn="l" defTabSz="7556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/>
            <a:t>Align easily readable text with standard legal text</a:t>
          </a:r>
        </a:p>
      </dsp:txBody>
      <dsp:txXfrm>
        <a:off x="1217803" y="2632399"/>
        <a:ext cx="2180717" cy="1168838"/>
      </dsp:txXfrm>
    </dsp:sp>
    <dsp:sp modelId="{85796C7A-13AD-4F9A-9ADD-DF441709AB1A}">
      <dsp:nvSpPr>
        <dsp:cNvPr id="0" name=""/>
        <dsp:cNvSpPr/>
      </dsp:nvSpPr>
      <dsp:spPr>
        <a:xfrm>
          <a:off x="3483483" y="2632399"/>
          <a:ext cx="2180717" cy="38923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Article alignment</a:t>
          </a:r>
        </a:p>
      </dsp:txBody>
      <dsp:txXfrm>
        <a:off x="3483483" y="2632399"/>
        <a:ext cx="2180717" cy="389232"/>
      </dsp:txXfrm>
    </dsp:sp>
    <dsp:sp modelId="{B003BEEA-31CF-4134-82C7-2A0EC18D8E85}">
      <dsp:nvSpPr>
        <dsp:cNvPr id="0" name=""/>
        <dsp:cNvSpPr/>
      </dsp:nvSpPr>
      <dsp:spPr>
        <a:xfrm>
          <a:off x="3398520" y="3021631"/>
          <a:ext cx="2180717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D0AF354-3D41-454A-BCAF-13ABF11235F1}">
      <dsp:nvSpPr>
        <dsp:cNvPr id="0" name=""/>
        <dsp:cNvSpPr/>
      </dsp:nvSpPr>
      <dsp:spPr>
        <a:xfrm>
          <a:off x="3483483" y="3021631"/>
          <a:ext cx="2180717" cy="38923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CATS model [3]</a:t>
          </a:r>
        </a:p>
      </dsp:txBody>
      <dsp:txXfrm>
        <a:off x="3483483" y="3021631"/>
        <a:ext cx="2180717" cy="389232"/>
      </dsp:txXfrm>
    </dsp:sp>
    <dsp:sp modelId="{4D52F3A1-16EA-4DC1-8469-F9F990F007FA}">
      <dsp:nvSpPr>
        <dsp:cNvPr id="0" name=""/>
        <dsp:cNvSpPr/>
      </dsp:nvSpPr>
      <dsp:spPr>
        <a:xfrm>
          <a:off x="3398520" y="3410863"/>
          <a:ext cx="2180717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4024F30-FCC6-444D-BEAC-3991D842AEAF}">
      <dsp:nvSpPr>
        <dsp:cNvPr id="0" name=""/>
        <dsp:cNvSpPr/>
      </dsp:nvSpPr>
      <dsp:spPr>
        <a:xfrm>
          <a:off x="3483483" y="3410863"/>
          <a:ext cx="2180717" cy="38923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Neural CRF Model [4]</a:t>
          </a:r>
        </a:p>
      </dsp:txBody>
      <dsp:txXfrm>
        <a:off x="3483483" y="3410863"/>
        <a:ext cx="2180717" cy="389232"/>
      </dsp:txXfrm>
    </dsp:sp>
    <dsp:sp modelId="{DB684FDC-ED68-4050-901C-CC2BECA927DE}">
      <dsp:nvSpPr>
        <dsp:cNvPr id="0" name=""/>
        <dsp:cNvSpPr/>
      </dsp:nvSpPr>
      <dsp:spPr>
        <a:xfrm>
          <a:off x="1132840" y="3801237"/>
          <a:ext cx="453136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30E4EE1-4B82-4193-8037-C21A281A18ED}">
      <dsp:nvSpPr>
        <dsp:cNvPr id="0" name=""/>
        <dsp:cNvSpPr/>
      </dsp:nvSpPr>
      <dsp:spPr>
        <a:xfrm>
          <a:off x="0" y="3860936"/>
          <a:ext cx="56642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2E3F3E1-8C9F-4CBC-A610-EAE7F7128C54}">
      <dsp:nvSpPr>
        <dsp:cNvPr id="0" name=""/>
        <dsp:cNvSpPr/>
      </dsp:nvSpPr>
      <dsp:spPr>
        <a:xfrm>
          <a:off x="0" y="3860936"/>
          <a:ext cx="1132840" cy="128697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/>
            <a:t>Evaluate</a:t>
          </a:r>
        </a:p>
      </dsp:txBody>
      <dsp:txXfrm>
        <a:off x="0" y="3860936"/>
        <a:ext cx="1132840" cy="1286978"/>
      </dsp:txXfrm>
    </dsp:sp>
    <dsp:sp modelId="{1B38EF1C-9717-4BB6-9F3A-BBAA323EA4F4}">
      <dsp:nvSpPr>
        <dsp:cNvPr id="0" name=""/>
        <dsp:cNvSpPr/>
      </dsp:nvSpPr>
      <dsp:spPr>
        <a:xfrm>
          <a:off x="1217803" y="3919378"/>
          <a:ext cx="2180717" cy="116883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marL="0" lvl="0" indent="0" algn="l" defTabSz="7556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 dirty="0"/>
            <a:t>Manually evaluate corpus by examining random samples	</a:t>
          </a:r>
        </a:p>
      </dsp:txBody>
      <dsp:txXfrm>
        <a:off x="1217803" y="3919378"/>
        <a:ext cx="2180717" cy="1168838"/>
      </dsp:txXfrm>
    </dsp:sp>
    <dsp:sp modelId="{5C401696-95A5-4FA8-ABBB-58F919CCF840}">
      <dsp:nvSpPr>
        <dsp:cNvPr id="0" name=""/>
        <dsp:cNvSpPr/>
      </dsp:nvSpPr>
      <dsp:spPr>
        <a:xfrm>
          <a:off x="1132840" y="5088216"/>
          <a:ext cx="453136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51945BD-A705-4F43-9EE7-75AE53E329BE}">
      <dsp:nvSpPr>
        <dsp:cNvPr id="0" name=""/>
        <dsp:cNvSpPr/>
      </dsp:nvSpPr>
      <dsp:spPr>
        <a:xfrm>
          <a:off x="73721" y="735278"/>
          <a:ext cx="1506001" cy="1506001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B929ECB-3DFE-4CBC-A6D9-C6B4CDFF4D35}">
      <dsp:nvSpPr>
        <dsp:cNvPr id="0" name=""/>
        <dsp:cNvSpPr/>
      </dsp:nvSpPr>
      <dsp:spPr>
        <a:xfrm>
          <a:off x="389981" y="1051538"/>
          <a:ext cx="873480" cy="87348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6B8CEAD-C7AF-46AD-A005-CCBABA1DC010}">
      <dsp:nvSpPr>
        <dsp:cNvPr id="0" name=""/>
        <dsp:cNvSpPr/>
      </dsp:nvSpPr>
      <dsp:spPr>
        <a:xfrm>
          <a:off x="1902437" y="735278"/>
          <a:ext cx="3549860" cy="15060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400" kern="1200"/>
            <a:t>Measure and compare structuring statistics</a:t>
          </a:r>
          <a:endParaRPr lang="en-US" sz="2400" kern="1200"/>
        </a:p>
      </dsp:txBody>
      <dsp:txXfrm>
        <a:off x="1902437" y="735278"/>
        <a:ext cx="3549860" cy="1506001"/>
      </dsp:txXfrm>
    </dsp:sp>
    <dsp:sp modelId="{6AD8C419-3290-47DB-A9FC-049A44BB9D8E}">
      <dsp:nvSpPr>
        <dsp:cNvPr id="0" name=""/>
        <dsp:cNvSpPr/>
      </dsp:nvSpPr>
      <dsp:spPr>
        <a:xfrm>
          <a:off x="6070834" y="735278"/>
          <a:ext cx="1506001" cy="1506001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67C099F-4E82-4636-AF87-0E96DAAAE390}">
      <dsp:nvSpPr>
        <dsp:cNvPr id="0" name=""/>
        <dsp:cNvSpPr/>
      </dsp:nvSpPr>
      <dsp:spPr>
        <a:xfrm>
          <a:off x="6387095" y="1051538"/>
          <a:ext cx="873480" cy="87348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5F9C642-5E40-48CE-AEBF-E965131839D3}">
      <dsp:nvSpPr>
        <dsp:cNvPr id="0" name=""/>
        <dsp:cNvSpPr/>
      </dsp:nvSpPr>
      <dsp:spPr>
        <a:xfrm>
          <a:off x="7899550" y="735278"/>
          <a:ext cx="3549860" cy="15060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400" kern="1200"/>
            <a:t>Measure and compare grammar frequencies </a:t>
          </a:r>
          <a:endParaRPr lang="en-US" sz="2400" kern="1200"/>
        </a:p>
      </dsp:txBody>
      <dsp:txXfrm>
        <a:off x="7899550" y="735278"/>
        <a:ext cx="3549860" cy="1506001"/>
      </dsp:txXfrm>
    </dsp:sp>
    <dsp:sp modelId="{C8029029-9AEB-442F-83F3-68EB337FDCA6}">
      <dsp:nvSpPr>
        <dsp:cNvPr id="0" name=""/>
        <dsp:cNvSpPr/>
      </dsp:nvSpPr>
      <dsp:spPr>
        <a:xfrm>
          <a:off x="73721" y="3159394"/>
          <a:ext cx="1506001" cy="1506001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4A60455-3D48-4EC1-A4CC-4DFBF568F84D}">
      <dsp:nvSpPr>
        <dsp:cNvPr id="0" name=""/>
        <dsp:cNvSpPr/>
      </dsp:nvSpPr>
      <dsp:spPr>
        <a:xfrm>
          <a:off x="389981" y="3475655"/>
          <a:ext cx="873480" cy="87348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E518B8B-BA60-4761-9993-1D278E750776}">
      <dsp:nvSpPr>
        <dsp:cNvPr id="0" name=""/>
        <dsp:cNvSpPr/>
      </dsp:nvSpPr>
      <dsp:spPr>
        <a:xfrm>
          <a:off x="1902437" y="3159394"/>
          <a:ext cx="3549860" cy="15060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400" kern="1200"/>
            <a:t>Measure and compare readability scores</a:t>
          </a:r>
          <a:endParaRPr lang="en-US" sz="2400" kern="1200"/>
        </a:p>
      </dsp:txBody>
      <dsp:txXfrm>
        <a:off x="1902437" y="3159394"/>
        <a:ext cx="3549860" cy="1506001"/>
      </dsp:txXfrm>
    </dsp:sp>
    <dsp:sp modelId="{9600B223-991D-43E6-8F0D-ABE66C5A6F81}">
      <dsp:nvSpPr>
        <dsp:cNvPr id="0" name=""/>
        <dsp:cNvSpPr/>
      </dsp:nvSpPr>
      <dsp:spPr>
        <a:xfrm>
          <a:off x="6070834" y="3159394"/>
          <a:ext cx="1506001" cy="1506001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52C4C4B-3634-40AD-9CEE-C4E04754A67C}">
      <dsp:nvSpPr>
        <dsp:cNvPr id="0" name=""/>
        <dsp:cNvSpPr/>
      </dsp:nvSpPr>
      <dsp:spPr>
        <a:xfrm>
          <a:off x="6387095" y="3475655"/>
          <a:ext cx="873480" cy="873480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9DAF68C-38AD-4F42-9954-0CF1BDFCFFD0}">
      <dsp:nvSpPr>
        <dsp:cNvPr id="0" name=""/>
        <dsp:cNvSpPr/>
      </dsp:nvSpPr>
      <dsp:spPr>
        <a:xfrm>
          <a:off x="7899550" y="3159394"/>
          <a:ext cx="3549860" cy="15060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400" kern="1200"/>
            <a:t>Measure and compare count statistics </a:t>
          </a:r>
          <a:endParaRPr lang="en-US" sz="2400" kern="1200"/>
        </a:p>
      </dsp:txBody>
      <dsp:txXfrm>
        <a:off x="7899550" y="3159394"/>
        <a:ext cx="3549860" cy="1506001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C3441CA-91F7-4C06-9342-361FF0A7AD6A}">
      <dsp:nvSpPr>
        <dsp:cNvPr id="0" name=""/>
        <dsp:cNvSpPr/>
      </dsp:nvSpPr>
      <dsp:spPr>
        <a:xfrm>
          <a:off x="0" y="659"/>
          <a:ext cx="11523133" cy="1542673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59F8974-08DF-492C-9F4C-5D900B5A6F0F}">
      <dsp:nvSpPr>
        <dsp:cNvPr id="0" name=""/>
        <dsp:cNvSpPr/>
      </dsp:nvSpPr>
      <dsp:spPr>
        <a:xfrm>
          <a:off x="466658" y="347760"/>
          <a:ext cx="848470" cy="84847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F0B39CB-E5A5-41EA-BCEE-C2998B7C334C}">
      <dsp:nvSpPr>
        <dsp:cNvPr id="0" name=""/>
        <dsp:cNvSpPr/>
      </dsp:nvSpPr>
      <dsp:spPr>
        <a:xfrm>
          <a:off x="1781787" y="659"/>
          <a:ext cx="5185409" cy="154267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3266" tIns="163266" rIns="163266" bIns="163266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500" kern="1200"/>
            <a:t>Readability metrics</a:t>
          </a:r>
          <a:endParaRPr lang="en-US" sz="2500" kern="1200"/>
        </a:p>
      </dsp:txBody>
      <dsp:txXfrm>
        <a:off x="1781787" y="659"/>
        <a:ext cx="5185409" cy="1542673"/>
      </dsp:txXfrm>
    </dsp:sp>
    <dsp:sp modelId="{9B2A4064-B8C8-4A4C-B69E-7DA90FECCF56}">
      <dsp:nvSpPr>
        <dsp:cNvPr id="0" name=""/>
        <dsp:cNvSpPr/>
      </dsp:nvSpPr>
      <dsp:spPr>
        <a:xfrm>
          <a:off x="6967197" y="659"/>
          <a:ext cx="4555935" cy="154267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3266" tIns="163266" rIns="163266" bIns="163266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700" kern="1200"/>
            <a:t>Grade-based metrics</a:t>
          </a:r>
          <a:endParaRPr lang="en-US" sz="1700" kern="1200"/>
        </a:p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700" kern="1200"/>
            <a:t>Direct measurements </a:t>
          </a:r>
          <a:endParaRPr lang="en-US" sz="1700" kern="1200"/>
        </a:p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700" kern="1200"/>
            <a:t>Feature based metrics</a:t>
          </a:r>
          <a:endParaRPr lang="en-US" sz="1700" kern="1200"/>
        </a:p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700" kern="1200"/>
            <a:t>Count based statistics</a:t>
          </a:r>
          <a:endParaRPr lang="en-US" sz="1700" kern="1200"/>
        </a:p>
      </dsp:txBody>
      <dsp:txXfrm>
        <a:off x="6967197" y="659"/>
        <a:ext cx="4555935" cy="1542673"/>
      </dsp:txXfrm>
    </dsp:sp>
    <dsp:sp modelId="{DE2FC204-F4C6-45AC-BCAB-AF38D9137E02}">
      <dsp:nvSpPr>
        <dsp:cNvPr id="0" name=""/>
        <dsp:cNvSpPr/>
      </dsp:nvSpPr>
      <dsp:spPr>
        <a:xfrm>
          <a:off x="0" y="1929000"/>
          <a:ext cx="11523133" cy="1542673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E3AB1F7-BD0A-45A9-A76A-FE0F34BA1E5A}">
      <dsp:nvSpPr>
        <dsp:cNvPr id="0" name=""/>
        <dsp:cNvSpPr/>
      </dsp:nvSpPr>
      <dsp:spPr>
        <a:xfrm>
          <a:off x="466658" y="2276102"/>
          <a:ext cx="848470" cy="84847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955D3BE-F5B9-490E-A208-37C66DBD245D}">
      <dsp:nvSpPr>
        <dsp:cNvPr id="0" name=""/>
        <dsp:cNvSpPr/>
      </dsp:nvSpPr>
      <dsp:spPr>
        <a:xfrm>
          <a:off x="1781787" y="1929000"/>
          <a:ext cx="9741345" cy="154267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3266" tIns="163266" rIns="163266" bIns="163266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500" kern="1200"/>
            <a:t>Text alignment techniques</a:t>
          </a:r>
          <a:endParaRPr lang="en-US" sz="2500" kern="1200"/>
        </a:p>
      </dsp:txBody>
      <dsp:txXfrm>
        <a:off x="1781787" y="1929000"/>
        <a:ext cx="9741345" cy="1542673"/>
      </dsp:txXfrm>
    </dsp:sp>
    <dsp:sp modelId="{3D52599E-536A-4486-A784-88E7DAFFDBB4}">
      <dsp:nvSpPr>
        <dsp:cNvPr id="0" name=""/>
        <dsp:cNvSpPr/>
      </dsp:nvSpPr>
      <dsp:spPr>
        <a:xfrm>
          <a:off x="0" y="3857342"/>
          <a:ext cx="11523133" cy="1542673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718A6EB-C706-4D76-A8F3-280E6CAA735A}">
      <dsp:nvSpPr>
        <dsp:cNvPr id="0" name=""/>
        <dsp:cNvSpPr/>
      </dsp:nvSpPr>
      <dsp:spPr>
        <a:xfrm>
          <a:off x="466658" y="4204443"/>
          <a:ext cx="848470" cy="84847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EEB0100-11F5-4046-B304-D1803DF8BE90}">
      <dsp:nvSpPr>
        <dsp:cNvPr id="0" name=""/>
        <dsp:cNvSpPr/>
      </dsp:nvSpPr>
      <dsp:spPr>
        <a:xfrm>
          <a:off x="1781787" y="3857342"/>
          <a:ext cx="9741345" cy="154267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3266" tIns="163266" rIns="163266" bIns="163266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500" kern="1200"/>
            <a:t>State of the art text simplification techniques</a:t>
          </a:r>
          <a:endParaRPr lang="en-US" sz="2500" kern="1200"/>
        </a:p>
      </dsp:txBody>
      <dsp:txXfrm>
        <a:off x="1781787" y="3857342"/>
        <a:ext cx="9741345" cy="1542673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9FFF326-A290-4FF8-BFB0-085714DB1D1D}">
      <dsp:nvSpPr>
        <dsp:cNvPr id="0" name=""/>
        <dsp:cNvSpPr/>
      </dsp:nvSpPr>
      <dsp:spPr>
        <a:xfrm>
          <a:off x="0" y="584"/>
          <a:ext cx="3601326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9050" h="31750" prst="coolSlant"/>
        </a:sp3d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5565F430-96FE-4D92-AECB-16E9B97DA4F1}">
      <dsp:nvSpPr>
        <dsp:cNvPr id="0" name=""/>
        <dsp:cNvSpPr/>
      </dsp:nvSpPr>
      <dsp:spPr>
        <a:xfrm>
          <a:off x="0" y="584"/>
          <a:ext cx="3601326" cy="9573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820" tIns="83820" rIns="83820" bIns="83820" numCol="1" spcCol="1270" anchor="t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200" kern="1200"/>
            <a:t>Source: easylaw.go.kr</a:t>
          </a:r>
          <a:endParaRPr lang="en-US" sz="2200" kern="1200"/>
        </a:p>
      </dsp:txBody>
      <dsp:txXfrm>
        <a:off x="0" y="584"/>
        <a:ext cx="3601326" cy="957341"/>
      </dsp:txXfrm>
    </dsp:sp>
    <dsp:sp modelId="{A4E390E6-254F-4C96-AC37-F9B8557CED78}">
      <dsp:nvSpPr>
        <dsp:cNvPr id="0" name=""/>
        <dsp:cNvSpPr/>
      </dsp:nvSpPr>
      <dsp:spPr>
        <a:xfrm>
          <a:off x="0" y="957925"/>
          <a:ext cx="3601326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9050" h="31750" prst="coolSlant"/>
        </a:sp3d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0FC18D0F-B512-4D1B-866F-C9B5E19B8953}">
      <dsp:nvSpPr>
        <dsp:cNvPr id="0" name=""/>
        <dsp:cNvSpPr/>
      </dsp:nvSpPr>
      <dsp:spPr>
        <a:xfrm>
          <a:off x="0" y="957925"/>
          <a:ext cx="3601326" cy="9573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820" tIns="83820" rIns="83820" bIns="83820" numCol="1" spcCol="1270" anchor="t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200" kern="1200"/>
            <a:t>Scraped using BeautifulSoup</a:t>
          </a:r>
          <a:endParaRPr lang="en-US" sz="2200" kern="1200"/>
        </a:p>
      </dsp:txBody>
      <dsp:txXfrm>
        <a:off x="0" y="957925"/>
        <a:ext cx="3601326" cy="957341"/>
      </dsp:txXfrm>
    </dsp:sp>
    <dsp:sp modelId="{7A27EC6E-B350-41AF-AC5E-2B4093C6C896}">
      <dsp:nvSpPr>
        <dsp:cNvPr id="0" name=""/>
        <dsp:cNvSpPr/>
      </dsp:nvSpPr>
      <dsp:spPr>
        <a:xfrm>
          <a:off x="0" y="1915266"/>
          <a:ext cx="3601326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9050" h="31750" prst="coolSlant"/>
        </a:sp3d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57A3D111-B04E-413B-808D-21CF7FDC4CB5}">
      <dsp:nvSpPr>
        <dsp:cNvPr id="0" name=""/>
        <dsp:cNvSpPr/>
      </dsp:nvSpPr>
      <dsp:spPr>
        <a:xfrm>
          <a:off x="0" y="1915266"/>
          <a:ext cx="3601326" cy="9573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820" tIns="83820" rIns="83820" bIns="83820" numCol="1" spcCol="1270" anchor="t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200" kern="1200"/>
            <a:t>Translated styles into a nested json</a:t>
          </a:r>
          <a:endParaRPr lang="en-US" sz="2200" kern="1200"/>
        </a:p>
      </dsp:txBody>
      <dsp:txXfrm>
        <a:off x="0" y="1915266"/>
        <a:ext cx="3601326" cy="957341"/>
      </dsp:txXfrm>
    </dsp:sp>
    <dsp:sp modelId="{F66D850F-3295-47A8-8694-DBC8A68068A1}">
      <dsp:nvSpPr>
        <dsp:cNvPr id="0" name=""/>
        <dsp:cNvSpPr/>
      </dsp:nvSpPr>
      <dsp:spPr>
        <a:xfrm>
          <a:off x="0" y="2872608"/>
          <a:ext cx="3601326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9050" h="31750" prst="coolSlant"/>
        </a:sp3d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EB66867B-E26A-4F8F-A47B-2EB88CF364DF}">
      <dsp:nvSpPr>
        <dsp:cNvPr id="0" name=""/>
        <dsp:cNvSpPr/>
      </dsp:nvSpPr>
      <dsp:spPr>
        <a:xfrm>
          <a:off x="0" y="2872608"/>
          <a:ext cx="3601326" cy="9573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820" tIns="83820" rIns="83820" bIns="83820" numCol="1" spcCol="1270" anchor="t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200" kern="1200"/>
            <a:t>Data contains around ~15k sentences </a:t>
          </a:r>
          <a:endParaRPr lang="en-US" sz="2200" kern="1200"/>
        </a:p>
      </dsp:txBody>
      <dsp:txXfrm>
        <a:off x="0" y="2872608"/>
        <a:ext cx="3601326" cy="957341"/>
      </dsp:txXfrm>
    </dsp:sp>
    <dsp:sp modelId="{E490A01A-5F2F-4A37-B39E-1BC36E2EB76F}">
      <dsp:nvSpPr>
        <dsp:cNvPr id="0" name=""/>
        <dsp:cNvSpPr/>
      </dsp:nvSpPr>
      <dsp:spPr>
        <a:xfrm>
          <a:off x="0" y="3829949"/>
          <a:ext cx="3601326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9050" h="31750" prst="coolSlant"/>
        </a:sp3d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AFB56824-8546-439A-8CEB-8AEB70F475A5}">
      <dsp:nvSpPr>
        <dsp:cNvPr id="0" name=""/>
        <dsp:cNvSpPr/>
      </dsp:nvSpPr>
      <dsp:spPr>
        <a:xfrm>
          <a:off x="0" y="3829949"/>
          <a:ext cx="3601326" cy="9573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820" tIns="83820" rIns="83820" bIns="83820" numCol="1" spcCol="1270" anchor="t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2200" kern="1200"/>
            <a:t>Next step: Scrape standard text from elaw.klri.re.kr</a:t>
          </a:r>
          <a:endParaRPr lang="en-US" sz="2200" kern="1200"/>
        </a:p>
      </dsp:txBody>
      <dsp:txXfrm>
        <a:off x="0" y="3829949"/>
        <a:ext cx="3601326" cy="957341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BE2010B-058E-4887-89D8-5E154C174E6E}">
      <dsp:nvSpPr>
        <dsp:cNvPr id="0" name=""/>
        <dsp:cNvSpPr/>
      </dsp:nvSpPr>
      <dsp:spPr>
        <a:xfrm>
          <a:off x="0" y="2637"/>
          <a:ext cx="11523133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4938E31-6885-4C93-9238-CA5539108FBB}">
      <dsp:nvSpPr>
        <dsp:cNvPr id="0" name=""/>
        <dsp:cNvSpPr/>
      </dsp:nvSpPr>
      <dsp:spPr>
        <a:xfrm>
          <a:off x="0" y="2637"/>
          <a:ext cx="11523133" cy="89923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900" kern="1200"/>
            <a:t>[1] Jin, Y., &amp; Kling, J. (2009). Overcoming the language barrier: The literacy of non-native-English-speaking adults. US Department of Labor, Employment and Training Administration.</a:t>
          </a:r>
          <a:endParaRPr lang="en-US" sz="1900" kern="1200"/>
        </a:p>
      </dsp:txBody>
      <dsp:txXfrm>
        <a:off x="0" y="2637"/>
        <a:ext cx="11523133" cy="899233"/>
      </dsp:txXfrm>
    </dsp:sp>
    <dsp:sp modelId="{C4E67D20-50A0-4B5D-B5AC-1276B040E4CF}">
      <dsp:nvSpPr>
        <dsp:cNvPr id="0" name=""/>
        <dsp:cNvSpPr/>
      </dsp:nvSpPr>
      <dsp:spPr>
        <a:xfrm>
          <a:off x="0" y="901870"/>
          <a:ext cx="11523133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71640D2-395F-43BA-AC37-50C0566C712C}">
      <dsp:nvSpPr>
        <dsp:cNvPr id="0" name=""/>
        <dsp:cNvSpPr/>
      </dsp:nvSpPr>
      <dsp:spPr>
        <a:xfrm>
          <a:off x="0" y="901870"/>
          <a:ext cx="11523133" cy="89923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900" kern="1200"/>
            <a:t>[2] Iram Rubab, Mamona Yasmin Khan, and Tahira Asgher.  Transformationof legal texts into simplified accounts to make the justice accessible. </a:t>
          </a:r>
          <a:endParaRPr lang="en-US" sz="1900" kern="1200"/>
        </a:p>
      </dsp:txBody>
      <dsp:txXfrm>
        <a:off x="0" y="901870"/>
        <a:ext cx="11523133" cy="899233"/>
      </dsp:txXfrm>
    </dsp:sp>
    <dsp:sp modelId="{9B5C4FAB-D315-4333-89A5-EDDC5E442056}">
      <dsp:nvSpPr>
        <dsp:cNvPr id="0" name=""/>
        <dsp:cNvSpPr/>
      </dsp:nvSpPr>
      <dsp:spPr>
        <a:xfrm>
          <a:off x="0" y="1801104"/>
          <a:ext cx="11523133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14C5F6E-E5AF-4B45-B015-3B6288110FC5}">
      <dsp:nvSpPr>
        <dsp:cNvPr id="0" name=""/>
        <dsp:cNvSpPr/>
      </dsp:nvSpPr>
      <dsp:spPr>
        <a:xfrm>
          <a:off x="0" y="1801104"/>
          <a:ext cx="11523133" cy="89923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900" kern="1200"/>
            <a:t>[3] Štajner, S., Franco-Salvador, M., Rosso, P., &amp; Ponzetto, S. P. (2018, May). Cats: A tool for customized alignment of text simplification corpora. In Proceedings of the Eleventh International Conference on Language Resources and Evaluation (LREC 2018).</a:t>
          </a:r>
          <a:endParaRPr lang="en-US" sz="1900" kern="1200"/>
        </a:p>
      </dsp:txBody>
      <dsp:txXfrm>
        <a:off x="0" y="1801104"/>
        <a:ext cx="11523133" cy="899233"/>
      </dsp:txXfrm>
    </dsp:sp>
    <dsp:sp modelId="{A1CDFBA9-EE1F-4682-A815-6C0330143462}">
      <dsp:nvSpPr>
        <dsp:cNvPr id="0" name=""/>
        <dsp:cNvSpPr/>
      </dsp:nvSpPr>
      <dsp:spPr>
        <a:xfrm>
          <a:off x="0" y="2700337"/>
          <a:ext cx="11523133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9117199-CB24-482C-93F3-1E95CF914BC9}">
      <dsp:nvSpPr>
        <dsp:cNvPr id="0" name=""/>
        <dsp:cNvSpPr/>
      </dsp:nvSpPr>
      <dsp:spPr>
        <a:xfrm>
          <a:off x="0" y="2700337"/>
          <a:ext cx="11523133" cy="89923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900" kern="1200"/>
            <a:t>[4] Jiang, C., Maddela, M., Lan, W., Zhong, Y., &amp; Xu, W. (2020). Neural CRF Model for Sentence Alignment in Text Simplification. </a:t>
          </a:r>
          <a:endParaRPr lang="en-US" sz="1900" kern="1200"/>
        </a:p>
      </dsp:txBody>
      <dsp:txXfrm>
        <a:off x="0" y="2700337"/>
        <a:ext cx="11523133" cy="899233"/>
      </dsp:txXfrm>
    </dsp:sp>
    <dsp:sp modelId="{D41EA7A0-8488-4A90-AE97-348F5059352B}">
      <dsp:nvSpPr>
        <dsp:cNvPr id="0" name=""/>
        <dsp:cNvSpPr/>
      </dsp:nvSpPr>
      <dsp:spPr>
        <a:xfrm>
          <a:off x="0" y="3599570"/>
          <a:ext cx="11523133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3B6882E-9926-48C3-ADF6-C44D1289182F}">
      <dsp:nvSpPr>
        <dsp:cNvPr id="0" name=""/>
        <dsp:cNvSpPr/>
      </dsp:nvSpPr>
      <dsp:spPr>
        <a:xfrm>
          <a:off x="0" y="3599570"/>
          <a:ext cx="11523133" cy="89923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900" kern="1200"/>
            <a:t>[5] Qiang, Jipeng et al. “LSBert: A Simple Framework for Lexical Simplification.” </a:t>
          </a:r>
          <a:endParaRPr lang="en-US" sz="1900" kern="1200"/>
        </a:p>
      </dsp:txBody>
      <dsp:txXfrm>
        <a:off x="0" y="3599570"/>
        <a:ext cx="11523133" cy="899233"/>
      </dsp:txXfrm>
    </dsp:sp>
    <dsp:sp modelId="{FE9C54BD-12E0-40D0-96CE-9845025FBEF7}">
      <dsp:nvSpPr>
        <dsp:cNvPr id="0" name=""/>
        <dsp:cNvSpPr/>
      </dsp:nvSpPr>
      <dsp:spPr>
        <a:xfrm>
          <a:off x="0" y="4498804"/>
          <a:ext cx="11523133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2B53536-8135-4341-910E-1F10DE1201AF}">
      <dsp:nvSpPr>
        <dsp:cNvPr id="0" name=""/>
        <dsp:cNvSpPr/>
      </dsp:nvSpPr>
      <dsp:spPr>
        <a:xfrm>
          <a:off x="0" y="4498804"/>
          <a:ext cx="11523133" cy="89923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IN" sz="1900" kern="1200"/>
            <a:t>[6]</a:t>
          </a:r>
          <a:r>
            <a:rPr lang="fr-FR" sz="1900" kern="1200"/>
            <a:t> L. Martin, B. Sagot, E. De la Clergerie, A. Bordes, Controllable Sentence Simplification</a:t>
          </a:r>
          <a:endParaRPr lang="en-US" sz="1900" kern="1200"/>
        </a:p>
      </dsp:txBody>
      <dsp:txXfrm>
        <a:off x="0" y="4498804"/>
        <a:ext cx="11523133" cy="89923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LabelDescriptionList">
  <dgm:title val="Icon Label Description List"/>
  <dgm:desc val="Use to show non-sequential or grouped chunks of information. The placeholder holds an icon or small picture, and corresponding text boxes show Level 1 and Level 2 text respectively. Works well for minimal Level 1 text accompanied by lengthier Level two text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Node" refType="h" fact="0.45"/>
      <dgm:constr type="w" for="ch" forName="compNode" val="120"/>
      <dgm:constr type="w" for="ch" forName="sibTrans" refType="w" refFor="ch" refForName="compNode" fact="0.175"/>
      <dgm:constr type="primFontSz" for="des" forName="parTx" val="36"/>
      <dgm:constr type="primFontSz" for="des" forName="desTx" refType="primFontSz" refFor="des" refForName="parTx" op="lte" fact="0.75"/>
      <dgm:constr type="h" for="des" forName="compNode" op="equ"/>
      <dgm:constr type="h" for="des" forName="iconRect" op="equ"/>
      <dgm:constr type="w" for="des" forName="iconRect" op="equ"/>
      <dgm:constr type="h" for="des" forName="iconSpace" op="equ"/>
      <dgm:constr type="h" for="des" forName="parTx" op="equ"/>
      <dgm:constr type="h" for="des" forName="txSpace" op="equ"/>
      <dgm:constr type="h" for="des" forName="desTx" op="equ"/>
    </dgm:constrLst>
    <dgm:ruleLst>
      <dgm:rule type="w" for="ch" forName="compNode" val="0" fact="NaN" max="NaN"/>
    </dgm:ruleLst>
    <dgm:forEach name="Name3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35"/>
          <dgm:constr type="h" for="ch" forName="iconRect" refType="w" refFor="ch" refForName="iconRect"/>
          <dgm:constr type="l" for="ch" forName="iconRect"/>
          <dgm:constr type="t" for="ch" forName="iconRect"/>
          <dgm:constr type="w" for="ch" forName="iconSpace" refType="w"/>
          <dgm:constr type="h" for="ch" forName="iconSpace" refType="h" fact="0.043"/>
          <dgm:constr type="l" for="ch" forName="iconSpace"/>
          <dgm:constr type="t" for="ch" forName="iconSpace" refType="b" refFor="ch" refForName="iconRect"/>
          <dgm:constr type="w" for="ch" forName="parTx" refType="w"/>
          <dgm:constr type="h" for="ch" forName="parTx" refType="w" fact="0.15"/>
          <dgm:constr type="l" for="ch" forName="parTx"/>
          <dgm:constr type="t" for="ch" forName="parTx" refType="b" refFor="ch" refForName="iconSpace"/>
          <dgm:constr type="h" for="ch" forName="txSpace" refType="h" fact="0.02"/>
          <dgm:constr type="w" for="ch" forName="txSpace" refType="w"/>
          <dgm:constr type="l" for="ch" forName="txSpace"/>
          <dgm:constr type="t" for="ch" forName="txSpace" refType="b" refFor="ch" refForName="parTx"/>
          <dgm:constr type="w" for="ch" forName="desTx" refType="w"/>
          <dgm:constr type="l" for="ch" forName="desTx"/>
          <dgm:constr type="t" for="ch" forName="desTx" refType="b" refFor="ch" refForName="txSpace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icon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t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4" fact="NaN" max="NaN"/>
            <dgm:rule type="h" val="INF" fact="NaN" max="NaN"/>
          </dgm:ruleLst>
        </dgm:layoutNode>
        <dgm:layoutNode name="tx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desTx" styleLbl="revTx">
          <dgm:varLst/>
          <dgm:alg type="tx">
            <dgm:param type="stBulletLvl" val="0"/>
            <dgm:param type="txAnchorVert" val="t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refType="primFontSz"/>
            <dgm:constr type="lMarg"/>
            <dgm:constr type="rMarg"/>
            <dgm:constr type="tMarg"/>
            <dgm:constr type="bMarg"/>
          </dgm:constrLst>
          <dgm:ruleLst>
            <dgm:rule type="primFontSz" val="NaN" fact="NaN" max="17"/>
            <dgm:rule type="h" val="INF" fact="NaN" max="NaN"/>
          </dgm:ruleLst>
        </dgm:layoutNode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b="1"/>
        </a:lvl1pPr>
        <a:lvl2pPr>
          <a:lnSpc>
            <a:spcPct val="100000"/>
          </a:lnSpc>
        </a:lvl2pPr>
      </dgm1612:lstStyle>
    </a:ext>
  </dgm:extLst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18/2/layout/IconCircleList">
  <dgm:title val="Icon Circle List"/>
  <dgm:desc val="Use to show non-sequential or grouped chunks of information accompanied by related visuals. Circular shapes can hold an icon or small picture and corresponding text box shows Level 1 text. Works best for icons or small pictures with medium-length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alg type="sp"/>
    <dgm:shape xmlns:r="http://schemas.openxmlformats.org/officeDocument/2006/relationships" r:blip="">
      <dgm:adjLst/>
    </dgm:shape>
    <dgm:presOf/>
    <dgm:choose name="Name0">
      <dgm:if name="Name1" axis="ch" ptType="node" func="cnt" op="lte" val="3">
        <dgm:constrLst>
          <dgm:constr type="w" for="ch" forName="container" refType="w"/>
          <dgm:constr type="h" for="ch" forName="container" refType="h" fact="0.4"/>
        </dgm:constrLst>
      </dgm:if>
      <dgm:else name="Name2">
        <dgm:constrLst>
          <dgm:constr type="w" for="ch" forName="container" refType="w"/>
          <dgm:constr type="h" for="ch" forName="container" refType="h"/>
        </dgm:constrLst>
      </dgm:else>
    </dgm:choose>
    <dgm:ruleLst>
      <dgm:rule type="h" for="ch" forName="container" val="INF" fact="NaN" max="NaN"/>
    </dgm:ruleLst>
    <dgm:layoutNode name="container">
      <dgm:varLst>
        <dgm:dir/>
        <dgm:resizeHandles val="exact"/>
      </dgm:varLst>
      <dgm:choose name="Name3">
        <dgm:if name="Name4" axis="self" func="var" arg="dir" op="equ" val="norm">
          <dgm:alg type="snake">
            <dgm:param type="grDir" val="tL"/>
            <dgm:param type="flowDir" val="row"/>
            <dgm:param type="contDir" val="sameDir"/>
          </dgm:alg>
        </dgm:if>
        <dgm:else name="Name5">
          <dgm:alg type="snake">
            <dgm:param type="grDir" val="tR"/>
            <dgm:param type="flowDir" val="row"/>
            <dgm:param type="contDir" val="sameDi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w" fact="0.28"/>
        <dgm:constr type="w" for="ch" forName="sibTrans" refType="w" refFor="ch" refForName="compNode" fact="0.115"/>
        <dgm:constr type="sp" refType="h" op="equ" fact="0.17"/>
        <dgm:constr type="primFontSz" for="des" ptType="node" op="equ" val="24"/>
        <dgm:constr type="h" for="des" forName="compNode" op="equ"/>
        <dgm:constr type="h" for="des" forName="iconBgRect" op="equ"/>
      </dgm:constrLst>
      <dgm:ruleLst>
        <dgm:rule type="w" for="ch" forName="compNode" val="60" fact="NaN" max="NaN"/>
      </dgm:ruleLst>
      <dgm:forEach name="Name6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 axis="self"/>
          <dgm:constrLst>
            <dgm:constr type="w" for="ch" forName="iconBgRect" refType="w" fact="0.28"/>
            <dgm:constr type="h" for="ch" forName="iconBgRect" refType="w" refFor="ch" refForName="iconBgRect"/>
            <dgm:constr type="t" for="ch" forName="iconBgRect"/>
            <dgm:constr type="l" for="ch" forName="iconBgRect"/>
            <dgm:constr type="w" for="ch" forName="iconRect" refType="w" refFor="ch" refForName="iconBgRect" fact="0.58"/>
            <dgm:constr type="h" for="ch" forName="iconRect" refType="w" refFor="ch" refForName="iconRect"/>
            <dgm:constr type="ctrX" for="ch" forName="iconRect" refType="ctrX" refFor="ch" refForName="iconBgRect"/>
            <dgm:constr type="ctrY" for="ch" forName="iconRect" refType="ctrY" refFor="ch" refForName="iconBgRect"/>
            <dgm:constr type="w" for="ch" forName="spaceRect" refType="w" fact="0.06"/>
            <dgm:constr type="h" for="ch" forName="spaceRect" refType="h" refFor="ch" refForName="iconBgRect"/>
            <dgm:constr type="t" for="ch" forName="spaceRect" refType="t" refFor="ch" refForName="iconBgRect"/>
            <dgm:constr type="l" for="ch" forName="spaceRect" refType="r" refFor="ch" refForName="iconBgRect"/>
            <dgm:constr type="h" for="ch" forName="textRect" refType="h" refFor="ch" refForName="iconBgRect"/>
            <dgm:constr type="t" for="ch" forName="textRect" refType="t" refFor="ch" refForName="iconBgRect"/>
            <dgm:constr type="l" for="ch" forName="textRect" refType="r" refFor="ch" refForName="spaceRect"/>
          </dgm:constrLst>
          <dgm:ruleLst/>
          <dgm:layoutNode name="iconBgRect" styleLbl="bgShp">
            <dgm:alg type="sp"/>
            <dgm:shape xmlns:r="http://schemas.openxmlformats.org/officeDocument/2006/relationships" type="ellipse" r:blip="">
              <dgm:adjLst/>
            </dgm:shape>
            <dgm:presOf/>
            <dgm:constrLst/>
            <dgm:ruleLst/>
          </dgm:layoutNode>
          <dgm:layoutNode name="iconRect" styleLbl="node1">
            <dgm:alg type="sp"/>
            <dgm:shape xmlns:r="http://schemas.openxmlformats.org/officeDocument/2006/relationships" type="rect" r:blip="" blipPhldr="1">
              <dgm:adjLst/>
            </dgm:shape>
            <dgm:presOf/>
            <dgm:constrLst/>
            <dgm:ruleLst/>
          </dgm:layoutNode>
          <dgm:layoutNode name="spaceRect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textRect" styleLbl="revTx">
            <dgm:varLst>
              <dgm:chMax val="1"/>
              <dgm:chPref val="1"/>
            </dgm:varLst>
            <dgm:choose name="Name7">
              <dgm:if name="Name8" func="var" arg="dir" op="equ" val="norm">
                <dgm:alg type="tx">
                  <dgm:param type="txAnchorVert" val="mid"/>
                  <dgm:param type="parTxLTRAlign" val="l"/>
                  <dgm:param type="shpTxLTRAlignCh" val="l"/>
                  <dgm:param type="parTxRTLAlign" val="l"/>
                  <dgm:param type="shpTxRTLAlignCh" val="l"/>
                </dgm:alg>
              </dgm:if>
              <dgm:else name="Name9">
                <dgm:alg type="tx">
                  <dgm:param type="txAnchorVert" val="mid"/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self" ptType="node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11" fact="NaN" max="NaN"/>
            </dgm:ruleLst>
          </dgm:layoutNode>
        </dgm:layoutNode>
        <dgm:forEach name="Name10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3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525568" y="189833"/>
            <a:ext cx="3496595" cy="5122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t" anchorCtr="0" compatLnSpc="1">
            <a:prstTxWarp prst="textNoShape">
              <a:avLst/>
            </a:prstTxWarp>
          </a:bodyPr>
          <a:lstStyle>
            <a:lvl1pPr algn="l" eaLnBrk="0" hangingPunct="0">
              <a:defRPr sz="1300">
                <a:latin typeface="TUM Neue Helvetica 55 Regular" charset="0"/>
                <a:cs typeface="+mn-cs"/>
              </a:defRPr>
            </a:lvl1pPr>
          </a:lstStyle>
          <a:p>
            <a:pPr>
              <a:defRPr/>
            </a:pPr>
            <a:endParaRPr lang="de-DE" dirty="0">
              <a:latin typeface="Arial Unicode MS" pitchFamily="34" charset="-128"/>
            </a:endParaRPr>
          </a:p>
        </p:txBody>
      </p:sp>
      <p:sp>
        <p:nvSpPr>
          <p:cNvPr id="143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338830" y="189833"/>
            <a:ext cx="2208376" cy="5122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t" anchorCtr="0" compatLnSpc="1">
            <a:prstTxWarp prst="textNoShape">
              <a:avLst/>
            </a:prstTxWarp>
          </a:bodyPr>
          <a:lstStyle>
            <a:lvl1pPr algn="r" eaLnBrk="0" hangingPunct="0">
              <a:defRPr sz="1300">
                <a:latin typeface="TUM Neue Helvetica 55 Regular" charset="0"/>
                <a:cs typeface="+mn-cs"/>
              </a:defRPr>
            </a:lvl1pPr>
          </a:lstStyle>
          <a:p>
            <a:pPr>
              <a:defRPr/>
            </a:pPr>
            <a:endParaRPr lang="de-DE" dirty="0">
              <a:latin typeface="Arial Unicode MS" pitchFamily="34" charset="-128"/>
            </a:endParaRPr>
          </a:p>
        </p:txBody>
      </p:sp>
      <p:sp>
        <p:nvSpPr>
          <p:cNvPr id="143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722392"/>
            <a:ext cx="3077137" cy="512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b" anchorCtr="0" compatLnSpc="1">
            <a:prstTxWarp prst="textNoShape">
              <a:avLst/>
            </a:prstTxWarp>
          </a:bodyPr>
          <a:lstStyle>
            <a:lvl1pPr algn="l" eaLnBrk="0" hangingPunct="0">
              <a:defRPr sz="1300">
                <a:latin typeface="TUM Neue Helvetica 55 Regular" charset="0"/>
                <a:cs typeface="+mn-cs"/>
              </a:defRPr>
            </a:lvl1pPr>
          </a:lstStyle>
          <a:p>
            <a:pPr>
              <a:defRPr/>
            </a:pPr>
            <a:endParaRPr lang="de-DE" dirty="0">
              <a:latin typeface="Arial Unicode MS" pitchFamily="34" charset="-128"/>
            </a:endParaRPr>
          </a:p>
        </p:txBody>
      </p:sp>
      <p:sp>
        <p:nvSpPr>
          <p:cNvPr id="143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22163" y="9722392"/>
            <a:ext cx="3077137" cy="512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300">
                <a:latin typeface="TUM Neue Helvetica 55 Regular" charset="0"/>
                <a:cs typeface="+mn-cs"/>
              </a:defRPr>
            </a:lvl1pPr>
          </a:lstStyle>
          <a:p>
            <a:pPr>
              <a:defRPr/>
            </a:pPr>
            <a:fld id="{6F17E718-27D7-4FA6-ACF7-4EB047CCD802}" type="slidenum">
              <a:rPr lang="de-DE">
                <a:latin typeface="Arial Unicode MS" pitchFamily="34" charset="-128"/>
              </a:rPr>
              <a:pPr>
                <a:defRPr/>
              </a:pPr>
              <a:t>‹#›</a:t>
            </a:fld>
            <a:endParaRPr lang="de-DE" dirty="0">
              <a:latin typeface="Arial Unicode MS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7919594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077137" cy="5122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t" anchorCtr="0" compatLnSpc="1">
            <a:prstTxWarp prst="textNoShape">
              <a:avLst/>
            </a:prstTxWarp>
          </a:bodyPr>
          <a:lstStyle>
            <a:lvl1pPr algn="l" eaLnBrk="0" hangingPunct="0">
              <a:defRPr sz="1300">
                <a:latin typeface="Arial Unicode MS" pitchFamily="34" charset="-128"/>
                <a:cs typeface="+mn-cs"/>
              </a:defRPr>
            </a:lvl1pPr>
          </a:lstStyle>
          <a:p>
            <a:pPr>
              <a:defRPr/>
            </a:pPr>
            <a:endParaRPr lang="de-DE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4022163" y="0"/>
            <a:ext cx="3077137" cy="5122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t" anchorCtr="0" compatLnSpc="1">
            <a:prstTxWarp prst="textNoShape">
              <a:avLst/>
            </a:prstTxWarp>
          </a:bodyPr>
          <a:lstStyle>
            <a:lvl1pPr algn="r" eaLnBrk="0" hangingPunct="0">
              <a:defRPr sz="1300">
                <a:latin typeface="Arial Unicode MS" pitchFamily="34" charset="-128"/>
                <a:cs typeface="+mn-cs"/>
              </a:defRPr>
            </a:lvl1pPr>
          </a:lstStyle>
          <a:p>
            <a:pPr>
              <a:defRPr/>
            </a:pPr>
            <a:endParaRPr lang="de-DE" dirty="0"/>
          </a:p>
        </p:txBody>
      </p:sp>
      <p:sp>
        <p:nvSpPr>
          <p:cNvPr id="2970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41288" y="769938"/>
            <a:ext cx="6816725" cy="38354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46685" y="4862015"/>
            <a:ext cx="5205932" cy="46050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noProof="0" dirty="0"/>
              <a:t>Mastertextformat bearbeiten</a:t>
            </a:r>
          </a:p>
          <a:p>
            <a:pPr lvl="1"/>
            <a:r>
              <a:rPr lang="de-DE" noProof="0" dirty="0"/>
              <a:t>Zweite Ebene</a:t>
            </a:r>
          </a:p>
          <a:p>
            <a:pPr lvl="2"/>
            <a:r>
              <a:rPr lang="de-DE" noProof="0" dirty="0"/>
              <a:t>Dritte Ebene</a:t>
            </a:r>
          </a:p>
          <a:p>
            <a:pPr lvl="3"/>
            <a:r>
              <a:rPr lang="de-DE" noProof="0" dirty="0"/>
              <a:t>Vierte Ebene</a:t>
            </a:r>
          </a:p>
          <a:p>
            <a:pPr lvl="4"/>
            <a:r>
              <a:rPr lang="de-DE" noProof="0" dirty="0"/>
              <a:t>Fünfte Ebene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722392"/>
            <a:ext cx="3077137" cy="512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b" anchorCtr="0" compatLnSpc="1">
            <a:prstTxWarp prst="textNoShape">
              <a:avLst/>
            </a:prstTxWarp>
          </a:bodyPr>
          <a:lstStyle>
            <a:lvl1pPr algn="l" eaLnBrk="0" hangingPunct="0">
              <a:defRPr sz="1300">
                <a:latin typeface="Arial Unicode MS" pitchFamily="34" charset="-128"/>
                <a:cs typeface="+mn-cs"/>
              </a:defRPr>
            </a:lvl1pPr>
          </a:lstStyle>
          <a:p>
            <a:pPr>
              <a:defRPr/>
            </a:pPr>
            <a:endParaRPr lang="de-DE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4022163" y="9722392"/>
            <a:ext cx="3077137" cy="512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300">
                <a:latin typeface="Arial Unicode MS" pitchFamily="34" charset="-128"/>
                <a:cs typeface="+mn-cs"/>
              </a:defRPr>
            </a:lvl1pPr>
          </a:lstStyle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‹#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132447295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 Unicode MS" pitchFamily="34" charset="-128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 Unicode MS" pitchFamily="34" charset="-128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 Unicode MS" pitchFamily="34" charset="-128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 Unicode MS" pitchFamily="34" charset="-128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 Unicode MS" pitchFamily="34" charset="-128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141288" y="769938"/>
            <a:ext cx="6816725" cy="3835400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1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81385875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141288" y="769938"/>
            <a:ext cx="6816725" cy="3835400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2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52944634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141288" y="769938"/>
            <a:ext cx="6816725" cy="3835400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4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84498475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141288" y="769938"/>
            <a:ext cx="6816725" cy="3835400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6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33597267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141288" y="769938"/>
            <a:ext cx="6816725" cy="3835400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10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44991903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141288" y="769938"/>
            <a:ext cx="6816725" cy="3835400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15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99983673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fik 10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7616" y="2"/>
            <a:ext cx="12192000" cy="6857999"/>
          </a:xfrm>
          <a:prstGeom prst="rect">
            <a:avLst/>
          </a:prstGeom>
        </p:spPr>
      </p:pic>
      <p:sp>
        <p:nvSpPr>
          <p:cNvPr id="10" name="Rechteck 9"/>
          <p:cNvSpPr/>
          <p:nvPr userDrawn="1"/>
        </p:nvSpPr>
        <p:spPr>
          <a:xfrm>
            <a:off x="0" y="0"/>
            <a:ext cx="12192000" cy="4196080"/>
          </a:xfrm>
          <a:prstGeom prst="rect">
            <a:avLst/>
          </a:prstGeom>
          <a:gradFill flip="none" rotWithShape="1">
            <a:gsLst>
              <a:gs pos="23000">
                <a:schemeClr val="bg1">
                  <a:alpha val="85000"/>
                </a:schemeClr>
              </a:gs>
              <a:gs pos="93000">
                <a:schemeClr val="bg1">
                  <a:alpha val="0"/>
                </a:schemeClr>
              </a:gs>
            </a:gsLst>
            <a:lin ang="540000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en-US" dirty="0"/>
          </a:p>
        </p:txBody>
      </p:sp>
      <p:sp>
        <p:nvSpPr>
          <p:cNvPr id="17" name="Titel 1"/>
          <p:cNvSpPr>
            <a:spLocks noGrp="1"/>
          </p:cNvSpPr>
          <p:nvPr>
            <p:ph type="title" hasCustomPrompt="1"/>
          </p:nvPr>
        </p:nvSpPr>
        <p:spPr>
          <a:xfrm>
            <a:off x="431371" y="3538641"/>
            <a:ext cx="11432843" cy="67977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tIns="144000" bIns="72000" anchor="b" anchorCtr="0">
            <a:spAutoFit/>
          </a:bodyPr>
          <a:lstStyle>
            <a:lvl1pPr marL="180000" algn="l">
              <a:defRPr sz="3000" b="0" i="0" baseline="0">
                <a:solidFill>
                  <a:schemeClr val="tx2"/>
                </a:solidFill>
                <a:latin typeface="+mj-lt"/>
                <a:cs typeface="Arial"/>
              </a:defRPr>
            </a:lvl1pPr>
          </a:lstStyle>
          <a:p>
            <a:r>
              <a:rPr lang="en-US" noProof="0" dirty="0"/>
              <a:t>Edit Title</a:t>
            </a:r>
          </a:p>
        </p:txBody>
      </p:sp>
      <p:sp>
        <p:nvSpPr>
          <p:cNvPr id="22" name="Textplatzhalt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2" y="4211796"/>
            <a:ext cx="11432841" cy="33855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txBody>
          <a:bodyPr wrap="square">
            <a:spAutoFit/>
          </a:bodyPr>
          <a:lstStyle>
            <a:lvl1pPr marL="180000" indent="0">
              <a:buFontTx/>
              <a:buNone/>
              <a:defRPr sz="1600" b="0" baseline="0">
                <a:solidFill>
                  <a:schemeClr val="tx1">
                    <a:lumMod val="60000"/>
                    <a:lumOff val="40000"/>
                  </a:schemeClr>
                </a:solidFill>
                <a:latin typeface="+mn-lt"/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noProof="0" dirty="0"/>
              <a:t>Presenter, Date, Location</a:t>
            </a:r>
          </a:p>
        </p:txBody>
      </p:sp>
      <p:pic>
        <p:nvPicPr>
          <p:cNvPr id="9" name="Grafik 8"/>
          <p:cNvPicPr>
            <a:picLocks noChangeAspect="1"/>
          </p:cNvPicPr>
          <p:nvPr userDrawn="1"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31371" y="398812"/>
            <a:ext cx="997527" cy="320040"/>
          </a:xfrm>
          <a:prstGeom prst="rect">
            <a:avLst/>
          </a:prstGeom>
        </p:spPr>
      </p:pic>
      <p:pic>
        <p:nvPicPr>
          <p:cNvPr id="12" name="Grafik 11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55861" y="398812"/>
            <a:ext cx="606858" cy="320055"/>
          </a:xfrm>
          <a:prstGeom prst="rect">
            <a:avLst/>
          </a:prstGeom>
        </p:spPr>
      </p:pic>
      <p:sp>
        <p:nvSpPr>
          <p:cNvPr id="25" name="Textfeld 24"/>
          <p:cNvSpPr txBox="1"/>
          <p:nvPr userDrawn="1"/>
        </p:nvSpPr>
        <p:spPr>
          <a:xfrm>
            <a:off x="425454" y="4643381"/>
            <a:ext cx="11438759" cy="122529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noFill/>
          </a:ln>
        </p:spPr>
        <p:txBody>
          <a:bodyPr wrap="square" lIns="252000" tIns="180000" rIns="180000" bIns="180000" rtlCol="0">
            <a:spAutoFit/>
          </a:bodyPr>
          <a:lstStyle/>
          <a:p>
            <a:pPr marL="0" indent="0"/>
            <a:r>
              <a:rPr lang="en-US" sz="1400" b="0" i="0" kern="120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Chair of</a:t>
            </a:r>
            <a:r>
              <a:rPr lang="en-US" sz="1400" b="0" i="0" kern="1200" baseline="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 </a:t>
            </a:r>
            <a:r>
              <a:rPr lang="en-US" sz="1400" b="0" i="0" kern="120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Software</a:t>
            </a:r>
            <a:r>
              <a:rPr lang="en-US" sz="1400" b="0" i="0" kern="1200" baseline="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 Engineering for Business Information Systems </a:t>
            </a:r>
            <a:r>
              <a:rPr lang="en-US" sz="1400" b="0" i="0" kern="120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(sebis) </a:t>
            </a:r>
          </a:p>
          <a:p>
            <a:pPr marL="0" indent="0"/>
            <a:r>
              <a:rPr lang="en-US" sz="1400" b="0" i="0" kern="120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Faculty of</a:t>
            </a:r>
            <a:r>
              <a:rPr lang="en-US" sz="1400" b="0" i="0" kern="1200" baseline="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 </a:t>
            </a:r>
            <a:r>
              <a:rPr lang="en-US" sz="1400" b="0" i="0" kern="120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Informatics</a:t>
            </a:r>
          </a:p>
          <a:p>
            <a:pPr marL="0" indent="0"/>
            <a:r>
              <a:rPr lang="en-US" sz="1400" b="0" i="0" kern="1200" noProof="1">
                <a:solidFill>
                  <a:schemeClr val="bg1">
                    <a:lumMod val="50000"/>
                  </a:schemeClr>
                </a:solidFill>
                <a:latin typeface="Arial" charset="0"/>
                <a:ea typeface="+mn-ea"/>
                <a:cs typeface="Arial"/>
              </a:rPr>
              <a:t>Technische</a:t>
            </a:r>
            <a:r>
              <a:rPr lang="en-US" sz="1400" b="0" i="0" kern="1200" baseline="0" noProof="1">
                <a:solidFill>
                  <a:schemeClr val="bg1">
                    <a:lumMod val="50000"/>
                  </a:schemeClr>
                </a:solidFill>
                <a:latin typeface="Arial" charset="0"/>
                <a:ea typeface="+mn-ea"/>
                <a:cs typeface="Arial"/>
              </a:rPr>
              <a:t> Universität München</a:t>
            </a:r>
            <a:endParaRPr lang="en-US" sz="1400" b="0" i="0" kern="1200" noProof="1">
              <a:solidFill>
                <a:schemeClr val="bg1">
                  <a:lumMod val="50000"/>
                </a:schemeClr>
              </a:solidFill>
              <a:latin typeface="Arial" charset="0"/>
              <a:ea typeface="+mn-ea"/>
              <a:cs typeface="Arial"/>
            </a:endParaRPr>
          </a:p>
          <a:p>
            <a:pPr marL="0" indent="0" algn="l" rtl="0" fontAlgn="base">
              <a:spcBef>
                <a:spcPct val="0"/>
              </a:spcBef>
              <a:spcAft>
                <a:spcPct val="0"/>
              </a:spcAft>
            </a:pPr>
            <a:r>
              <a:rPr lang="en-US" sz="1400" b="0" i="0" u="sng" kern="1200" noProof="1">
                <a:solidFill>
                  <a:schemeClr val="bg1">
                    <a:lumMod val="50000"/>
                  </a:schemeClr>
                </a:solidFill>
                <a:latin typeface="Arial" charset="0"/>
                <a:ea typeface="+mn-ea"/>
                <a:cs typeface="Arial"/>
              </a:rPr>
              <a:t>wwwmatthes.in.tum.de</a:t>
            </a:r>
            <a:endParaRPr lang="en-US" sz="1400" b="0" i="0" u="sng" kern="1200" dirty="0" err="1">
              <a:solidFill>
                <a:schemeClr val="bg1">
                  <a:lumMod val="50000"/>
                </a:schemeClr>
              </a:solidFill>
              <a:latin typeface="Arial" charset="0"/>
              <a:ea typeface="+mn-ea"/>
              <a:cs typeface="Arial"/>
            </a:endParaRPr>
          </a:p>
        </p:txBody>
      </p:sp>
    </p:spTree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Glieder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34435" y="981076"/>
            <a:ext cx="11523135" cy="5400675"/>
          </a:xfrm>
        </p:spPr>
        <p:txBody>
          <a:bodyPr>
            <a:normAutofit/>
          </a:bodyPr>
          <a:lstStyle>
            <a:lvl1pPr>
              <a:defRPr>
                <a:latin typeface="+mn-lt"/>
              </a:defRPr>
            </a:lvl1pPr>
            <a:lvl2pPr>
              <a:buClr>
                <a:schemeClr val="tx2"/>
              </a:buClr>
              <a:defRPr lang="de-DE" sz="1800" dirty="0" smtClean="0">
                <a:solidFill>
                  <a:schemeClr val="tx1"/>
                </a:solidFill>
                <a:latin typeface="+mn-lt"/>
                <a:cs typeface="Arial Unicode MS" pitchFamily="34" charset="-128"/>
              </a:defRPr>
            </a:lvl2pPr>
            <a:lvl3pPr>
              <a:buClr>
                <a:schemeClr val="tx2"/>
              </a:buClr>
              <a:defRPr>
                <a:solidFill>
                  <a:schemeClr val="tx1"/>
                </a:solidFill>
                <a:latin typeface="+mn-lt"/>
              </a:defRPr>
            </a:lvl3pPr>
            <a:lvl4pPr>
              <a:buClr>
                <a:schemeClr val="tx2"/>
              </a:buClr>
              <a:defRPr>
                <a:solidFill>
                  <a:schemeClr val="tx1"/>
                </a:solidFill>
                <a:latin typeface="+mn-lt"/>
              </a:defRPr>
            </a:lvl4pPr>
            <a:lvl5pPr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dirty="0"/>
              <a:t>&lt;Text&gt;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7" y="44452"/>
            <a:ext cx="10586099" cy="720725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en-US" noProof="0" dirty="0"/>
              <a:t>&lt;Title&gt;</a:t>
            </a:r>
            <a:endParaRPr lang="de-DE" dirty="0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>
                <a:latin typeface="+mn-lt"/>
              </a:defRPr>
            </a:lvl1pPr>
          </a:lstStyle>
          <a:p>
            <a:pPr>
              <a:defRPr/>
            </a:pPr>
            <a:r>
              <a:rPr lang="en-US"/>
              <a:t>© sebis</a:t>
            </a:r>
            <a:endParaRPr lang="de-DE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>
                <a:latin typeface="+mn-lt"/>
              </a:defRPr>
            </a:lvl1pPr>
          </a:lstStyle>
          <a:p>
            <a:pPr>
              <a:defRPr/>
            </a:pPr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>
                <a:latin typeface="+mn-lt"/>
              </a:defRPr>
            </a:lvl1pPr>
          </a:lstStyle>
          <a:p>
            <a:pPr>
              <a:defRPr/>
            </a:pPr>
            <a:fld id="{E201E5CB-5EE0-4EA4-87FF-7D8A79A61969}" type="slidenum">
              <a:rPr lang="de-DE" smtClean="0"/>
              <a:pPr>
                <a:defRPr/>
              </a:pPr>
              <a:t>‹#›</a:t>
            </a:fld>
            <a:endParaRPr lang="de-DE" dirty="0"/>
          </a:p>
        </p:txBody>
      </p:sp>
    </p:spTree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7" y="44452"/>
            <a:ext cx="10586099" cy="720725"/>
          </a:xfrm>
        </p:spPr>
        <p:txBody>
          <a:bodyPr/>
          <a:lstStyle>
            <a:lvl1pPr>
              <a:defRPr lang="de-DE" sz="2400" b="0" baseline="0" smtClean="0">
                <a:solidFill>
                  <a:srgbClr val="0065BD"/>
                </a:solidFill>
                <a:latin typeface="+mj-lt"/>
                <a:ea typeface="+mj-ea"/>
                <a:cs typeface="Arial Unicode MS" pitchFamily="34" charset="-128"/>
              </a:defRPr>
            </a:lvl1pPr>
          </a:lstStyle>
          <a:p>
            <a:r>
              <a:rPr lang="en-US" noProof="0" dirty="0"/>
              <a:t>&lt;Title&gt;</a:t>
            </a:r>
            <a:endParaRPr lang="de-DE" dirty="0"/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/>
        <p:txBody>
          <a:bodyPr>
            <a:normAutofit/>
          </a:bodyPr>
          <a:lstStyle>
            <a:lvl3pPr>
              <a:defRPr/>
            </a:lvl3pPr>
          </a:lstStyle>
          <a:p>
            <a:pPr lvl="0"/>
            <a:r>
              <a:rPr lang="en-US" noProof="0" dirty="0"/>
              <a:t>&lt;Text&gt;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© sebis</a:t>
            </a:r>
            <a:endParaRPr lang="de-DE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5BC9FAB-BDC1-47C0-A8BB-6E12A8205D33}" type="slidenum">
              <a:rPr lang="de-DE"/>
              <a:pPr>
                <a:defRPr/>
              </a:pPr>
              <a:t>‹#›</a:t>
            </a:fld>
            <a:endParaRPr lang="de-DE" dirty="0"/>
          </a:p>
        </p:txBody>
      </p:sp>
    </p:spTree>
  </p:cSld>
  <p:clrMapOvr>
    <a:masterClrMapping/>
  </p:clrMapOvr>
  <p:transition/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6879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Unter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7" y="81213"/>
            <a:ext cx="10586099" cy="360535"/>
          </a:xfrm>
        </p:spPr>
        <p:txBody>
          <a:bodyPr/>
          <a:lstStyle>
            <a:lvl1pPr>
              <a:defRPr lang="de-DE" sz="2400" b="0" baseline="0" smtClean="0">
                <a:solidFill>
                  <a:srgbClr val="0065BD"/>
                </a:solidFill>
                <a:latin typeface="+mj-lt"/>
                <a:ea typeface="+mj-ea"/>
                <a:cs typeface="Arial Unicode MS" pitchFamily="34" charset="-128"/>
              </a:defRPr>
            </a:lvl1pPr>
          </a:lstStyle>
          <a:p>
            <a:r>
              <a:rPr lang="en-US" noProof="0" dirty="0"/>
              <a:t>&lt;Title&gt;</a:t>
            </a:r>
            <a:endParaRPr lang="de-DE" dirty="0"/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34434" y="980728"/>
            <a:ext cx="11523133" cy="5400675"/>
          </a:xfrm>
        </p:spPr>
        <p:txBody>
          <a:bodyPr>
            <a:normAutofit/>
          </a:bodyPr>
          <a:lstStyle>
            <a:lvl3pPr>
              <a:defRPr/>
            </a:lvl3pPr>
          </a:lstStyle>
          <a:p>
            <a:pPr lvl="0"/>
            <a:r>
              <a:rPr lang="en-US" noProof="0" dirty="0"/>
              <a:t>&lt;Text&gt;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© sebis</a:t>
            </a:r>
            <a:endParaRPr lang="de-DE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5BC9FAB-BDC1-47C0-A8BB-6E12A8205D33}" type="slidenum">
              <a:rPr lang="de-DE"/>
              <a:pPr>
                <a:defRPr/>
              </a:pPr>
              <a:t>‹#›</a:t>
            </a:fld>
            <a:endParaRPr lang="de-DE" dirty="0"/>
          </a:p>
        </p:txBody>
      </p:sp>
      <p:sp>
        <p:nvSpPr>
          <p:cNvPr id="12" name="Textplatzhalter 11"/>
          <p:cNvSpPr>
            <a:spLocks noGrp="1"/>
          </p:cNvSpPr>
          <p:nvPr>
            <p:ph type="body" sz="quarter" idx="13" hasCustomPrompt="1"/>
          </p:nvPr>
        </p:nvSpPr>
        <p:spPr>
          <a:xfrm>
            <a:off x="334434" y="441426"/>
            <a:ext cx="10586102" cy="395287"/>
          </a:xfrm>
        </p:spPr>
        <p:txBody>
          <a:bodyPr/>
          <a:lstStyle>
            <a:lvl1pPr>
              <a:defRPr sz="20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/>
            <a:r>
              <a:rPr lang="en-US" noProof="0" dirty="0"/>
              <a:t>&lt;Subtitle&gt;</a:t>
            </a:r>
          </a:p>
        </p:txBody>
      </p:sp>
    </p:spTree>
    <p:extLst>
      <p:ext uri="{BB962C8B-B14F-4D97-AF65-F5344CB8AC3E}">
        <p14:creationId xmlns:p14="http://schemas.microsoft.com/office/powerpoint/2010/main" val="3517934724"/>
      </p:ext>
    </p:extLst>
  </p:cSld>
  <p:clrMapOvr>
    <a:masterClrMapping/>
  </p:clrMapOvr>
  <p:transition/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7" y="81213"/>
            <a:ext cx="10586099" cy="360535"/>
          </a:xfrm>
        </p:spPr>
        <p:txBody>
          <a:bodyPr/>
          <a:lstStyle>
            <a:lvl1pPr>
              <a:defRPr lang="de-DE" sz="2400" b="0" baseline="0" smtClean="0">
                <a:solidFill>
                  <a:srgbClr val="0065BD"/>
                </a:solidFill>
                <a:latin typeface="+mj-lt"/>
                <a:ea typeface="+mj-ea"/>
                <a:cs typeface="Arial Unicode MS" pitchFamily="34" charset="-128"/>
              </a:defRPr>
            </a:lvl1pPr>
          </a:lstStyle>
          <a:p>
            <a:r>
              <a:rPr lang="en-US" noProof="0" dirty="0"/>
              <a:t>&lt;Title&gt;</a:t>
            </a:r>
            <a:endParaRPr lang="de-DE" dirty="0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© sebis</a:t>
            </a:r>
            <a:endParaRPr lang="de-DE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5BC9FAB-BDC1-47C0-A8BB-6E12A8205D33}" type="slidenum">
              <a:rPr lang="de-DE"/>
              <a:pPr>
                <a:defRPr/>
              </a:pPr>
              <a:t>‹#›</a:t>
            </a:fld>
            <a:endParaRPr lang="de-DE" dirty="0"/>
          </a:p>
        </p:txBody>
      </p:sp>
      <p:sp>
        <p:nvSpPr>
          <p:cNvPr id="12" name="Textplatzhalter 11"/>
          <p:cNvSpPr>
            <a:spLocks noGrp="1"/>
          </p:cNvSpPr>
          <p:nvPr>
            <p:ph type="body" sz="quarter" idx="13" hasCustomPrompt="1"/>
          </p:nvPr>
        </p:nvSpPr>
        <p:spPr>
          <a:xfrm>
            <a:off x="334434" y="441426"/>
            <a:ext cx="10586102" cy="395287"/>
          </a:xfrm>
        </p:spPr>
        <p:txBody>
          <a:bodyPr/>
          <a:lstStyle>
            <a:lvl1pPr>
              <a:defRPr sz="20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/>
            <a:r>
              <a:rPr lang="en-US" noProof="0" dirty="0"/>
              <a:t>&lt;Subtitle&gt;</a:t>
            </a:r>
          </a:p>
        </p:txBody>
      </p:sp>
    </p:spTree>
    <p:extLst>
      <p:ext uri="{BB962C8B-B14F-4D97-AF65-F5344CB8AC3E}">
        <p14:creationId xmlns:p14="http://schemas.microsoft.com/office/powerpoint/2010/main" val="1825214989"/>
      </p:ext>
    </p:extLst>
  </p:cSld>
  <p:clrMapOvr>
    <a:masterClrMapping/>
  </p:clrMapOvr>
  <p:transition/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4" y="44451"/>
            <a:ext cx="10586102" cy="720725"/>
          </a:xfrm>
        </p:spPr>
        <p:txBody>
          <a:bodyPr/>
          <a:lstStyle>
            <a:lvl1pPr>
              <a:defRPr>
                <a:solidFill>
                  <a:srgbClr val="0065BD"/>
                </a:solidFill>
              </a:defRPr>
            </a:lvl1pPr>
          </a:lstStyle>
          <a:p>
            <a:r>
              <a:rPr lang="en-US" noProof="0" dirty="0"/>
              <a:t>&lt;Title&gt;</a:t>
            </a:r>
            <a:endParaRPr lang="de-DE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34437" y="981076"/>
            <a:ext cx="5659967" cy="5400675"/>
          </a:xfrm>
          <a:solidFill>
            <a:schemeClr val="bg1">
              <a:lumMod val="95000"/>
            </a:schemeClr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none"/>
        </p:style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 dirty="0"/>
              <a:t>&lt;Text&gt;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197602" y="981076"/>
            <a:ext cx="5659967" cy="5400675"/>
          </a:xfrm>
          <a:solidFill>
            <a:schemeClr val="bg1">
              <a:lumMod val="95000"/>
            </a:schemeClr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none"/>
        </p:style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 dirty="0"/>
              <a:t>&lt;Text&gt;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© sebis</a:t>
            </a:r>
            <a:endParaRPr lang="de-DE" dirty="0"/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B96C9E22-1B76-46A8-871B-C48D8E59C6FA}" type="slidenum">
              <a:rPr lang="de-DE"/>
              <a:pPr>
                <a:defRPr/>
              </a:pPr>
              <a:t>‹#›</a:t>
            </a:fld>
            <a:endParaRPr lang="de-DE" dirty="0"/>
          </a:p>
        </p:txBody>
      </p:sp>
    </p:spTree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/>
          <p:cNvSpPr>
            <a:spLocks noGrp="1"/>
          </p:cNvSpPr>
          <p:nvPr>
            <p:ph type="body" idx="1" hasCustomPrompt="1"/>
          </p:nvPr>
        </p:nvSpPr>
        <p:spPr>
          <a:xfrm>
            <a:off x="334437" y="981074"/>
            <a:ext cx="5662084" cy="661976"/>
          </a:xfr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none"/>
        </p:style>
        <p:txBody>
          <a:bodyPr anchor="b">
            <a:noAutofit/>
          </a:bodyPr>
          <a:lstStyle>
            <a:lvl1pPr marL="0" indent="0">
              <a:buNone/>
              <a:defRPr sz="2000" b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&lt;Title&gt;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334437" y="1643050"/>
            <a:ext cx="5662084" cy="4773625"/>
          </a:xfrm>
          <a:solidFill>
            <a:schemeClr val="bg1">
              <a:lumMod val="95000"/>
            </a:schemeClr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none"/>
        </p:style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 dirty="0"/>
              <a:t>&lt;Format of Master Text&gt;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 hasCustomPrompt="1"/>
          </p:nvPr>
        </p:nvSpPr>
        <p:spPr>
          <a:xfrm>
            <a:off x="6193367" y="981079"/>
            <a:ext cx="5664200" cy="661975"/>
          </a:xfr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none"/>
        </p:style>
        <p:txBody>
          <a:bodyPr anchor="b">
            <a:noAutofit/>
          </a:bodyPr>
          <a:lstStyle>
            <a:lvl1pPr marL="0" indent="0">
              <a:buNone/>
              <a:defRPr sz="2000" b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&lt;Title&gt;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 hasCustomPrompt="1"/>
          </p:nvPr>
        </p:nvSpPr>
        <p:spPr>
          <a:xfrm>
            <a:off x="6193367" y="1643050"/>
            <a:ext cx="5664200" cy="4773625"/>
          </a:xfrm>
          <a:solidFill>
            <a:schemeClr val="bg1">
              <a:lumMod val="95000"/>
            </a:schemeClr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none"/>
        </p:style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 dirty="0"/>
              <a:t>&lt;Format of Master Text&gt;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10" name="Titel 1"/>
          <p:cNvSpPr>
            <a:spLocks noGrp="1"/>
          </p:cNvSpPr>
          <p:nvPr>
            <p:ph type="title" hasCustomPrompt="1"/>
          </p:nvPr>
        </p:nvSpPr>
        <p:spPr>
          <a:xfrm>
            <a:off x="334437" y="44452"/>
            <a:ext cx="10586099" cy="720725"/>
          </a:xfrm>
        </p:spPr>
        <p:txBody>
          <a:bodyPr/>
          <a:lstStyle/>
          <a:p>
            <a:r>
              <a:rPr lang="en-US" noProof="0" dirty="0"/>
              <a:t>&lt;Title&gt;</a:t>
            </a:r>
          </a:p>
        </p:txBody>
      </p:sp>
      <p:sp>
        <p:nvSpPr>
          <p:cNvPr id="7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noProof="0"/>
              <a:t>© sebis</a:t>
            </a:r>
            <a:endParaRPr lang="en-US" noProof="0" dirty="0"/>
          </a:p>
        </p:txBody>
      </p:sp>
      <p:sp>
        <p:nvSpPr>
          <p:cNvPr id="8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noProof="0"/>
              <a:t>210517 Muralidharan Legal Text Simplification</a:t>
            </a:r>
            <a:endParaRPr lang="en-US" noProof="0" dirty="0"/>
          </a:p>
        </p:txBody>
      </p:sp>
      <p:sp>
        <p:nvSpPr>
          <p:cNvPr id="9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4A2CCB4-7108-4850-98BC-50E3A501EADB}" type="slidenum">
              <a:rPr lang="en-US" noProof="0" smtClean="0"/>
              <a:pPr>
                <a:defRPr/>
              </a:pPr>
              <a:t>‹#›</a:t>
            </a:fld>
            <a:endParaRPr lang="en-US" noProof="0" dirty="0"/>
          </a:p>
        </p:txBody>
      </p:sp>
    </p:spTree>
  </p:cSld>
  <p:clrMapOvr>
    <a:masterClrMapping/>
  </p:clrMapOvr>
  <p:transition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4" y="44451"/>
            <a:ext cx="10586102" cy="720725"/>
          </a:xfrm>
        </p:spPr>
        <p:txBody>
          <a:bodyPr/>
          <a:lstStyle/>
          <a:p>
            <a:r>
              <a:rPr lang="en-US" noProof="0" dirty="0"/>
              <a:t>&lt;Title&gt;</a:t>
            </a:r>
            <a:endParaRPr lang="de-DE" dirty="0"/>
          </a:p>
        </p:txBody>
      </p:sp>
      <p:sp>
        <p:nvSpPr>
          <p:cNvPr id="3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© sebis</a:t>
            </a:r>
            <a:endParaRPr lang="de-DE" dirty="0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3F79391-FD8B-4951-B07A-A389C4C7CA7B}" type="slidenum">
              <a:rPr lang="de-DE"/>
              <a:pPr>
                <a:defRPr/>
              </a:pPr>
              <a:t>‹#›</a:t>
            </a:fld>
            <a:endParaRPr lang="de-DE" dirty="0"/>
          </a:p>
        </p:txBody>
      </p:sp>
    </p:spTree>
  </p:cSld>
  <p:clrMapOvr>
    <a:masterClrMapping/>
  </p:clrMapOvr>
  <p:transition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mit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3" y="44451"/>
            <a:ext cx="11523133" cy="6524625"/>
          </a:xfrm>
        </p:spPr>
        <p:txBody>
          <a:bodyPr anchor="ctr"/>
          <a:lstStyle>
            <a:lvl1pPr algn="ctr">
              <a:defRPr sz="3200"/>
            </a:lvl1pPr>
          </a:lstStyle>
          <a:p>
            <a:r>
              <a:rPr lang="en-US" noProof="0" dirty="0"/>
              <a:t>&lt;Title&gt;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© sebis</a:t>
            </a:r>
            <a:endParaRPr lang="en-US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210517 Muralidharan Legal Text Simplification</a:t>
            </a:r>
            <a:endParaRPr lang="en-US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52262570"/>
      </p:ext>
    </p:extLst>
  </p:cSld>
  <p:clrMapOvr>
    <a:masterClrMapping/>
  </p:clrMapOvr>
  <p:transition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334434" y="44451"/>
            <a:ext cx="10586102" cy="7207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0000" tIns="0" rIns="9000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 dirty="0"/>
              <a:t>&lt;Title&gt;</a:t>
            </a:r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34434" y="981076"/>
            <a:ext cx="11523133" cy="54006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 dirty="0"/>
              <a:t>&lt;Text&gt;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2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9383184" y="6570616"/>
            <a:ext cx="2142067" cy="2889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</a:bodyPr>
          <a:lstStyle>
            <a:lvl1pPr marL="0" marR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800" smtClean="0">
                <a:solidFill>
                  <a:schemeClr val="bg1">
                    <a:lumMod val="50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en-US" noProof="0"/>
              <a:t>© sebis</a:t>
            </a:r>
            <a:endParaRPr lang="en-US" noProof="0" dirty="0"/>
          </a:p>
        </p:txBody>
      </p:sp>
      <p:sp>
        <p:nvSpPr>
          <p:cNvPr id="1029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32903" y="6569076"/>
            <a:ext cx="5761567" cy="2889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eaLnBrk="0" hangingPunct="0">
              <a:defRPr sz="800">
                <a:solidFill>
                  <a:schemeClr val="bg1">
                    <a:lumMod val="50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en-US"/>
              <a:t>210517 Muralidharan Legal Text Simplification</a:t>
            </a:r>
            <a:endParaRPr lang="en-US" dirty="0"/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525251" y="6570616"/>
            <a:ext cx="332316" cy="2889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91440" tIns="45720" rIns="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800">
                <a:solidFill>
                  <a:schemeClr val="bg1">
                    <a:lumMod val="50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fld id="{5E4FF76D-8657-43F1-929B-F6D2FAB2741A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  <p:pic>
        <p:nvPicPr>
          <p:cNvPr id="8" name="Grafik 7"/>
          <p:cNvPicPr>
            <a:picLocks noChangeAspect="1"/>
          </p:cNvPicPr>
          <p:nvPr userDrawn="1"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55861" y="398812"/>
            <a:ext cx="606858" cy="320055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74" r:id="rId1"/>
    <p:sldLayoutId id="2147483765" r:id="rId2"/>
    <p:sldLayoutId id="2147483778" r:id="rId3"/>
    <p:sldLayoutId id="2147483781" r:id="rId4"/>
    <p:sldLayoutId id="2147483766" r:id="rId5"/>
    <p:sldLayoutId id="2147483767" r:id="rId6"/>
    <p:sldLayoutId id="2147483768" r:id="rId7"/>
    <p:sldLayoutId id="2147483780" r:id="rId8"/>
    <p:sldLayoutId id="2147483769" r:id="rId9"/>
    <p:sldLayoutId id="2147483771" r:id="rId10"/>
  </p:sldLayoutIdLst>
  <p:transition/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0" i="0" baseline="0">
          <a:solidFill>
            <a:srgbClr val="0065BD"/>
          </a:solidFill>
          <a:latin typeface="+mn-lt"/>
          <a:ea typeface="+mj-ea"/>
          <a:cs typeface="Arial Unicode MS" pitchFamily="34" charset="-128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Arial" pitchFamily="34" charset="0"/>
          <a:cs typeface="Arial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Arial" pitchFamily="34" charset="0"/>
          <a:cs typeface="Arial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Arial" pitchFamily="34" charset="0"/>
          <a:cs typeface="Arial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Arial" pitchFamily="34" charset="0"/>
          <a:cs typeface="Arial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>
          <a:solidFill>
            <a:schemeClr val="tx1"/>
          </a:solidFill>
          <a:latin typeface="TUM Neue Helvetica 75 Bold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>
          <a:solidFill>
            <a:schemeClr val="tx1"/>
          </a:solidFill>
          <a:latin typeface="TUM Neue Helvetica 75 Bold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>
          <a:solidFill>
            <a:schemeClr val="tx1"/>
          </a:solidFill>
          <a:latin typeface="TUM Neue Helvetica 75 Bold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>
          <a:solidFill>
            <a:schemeClr val="tx1"/>
          </a:solidFill>
          <a:latin typeface="TUM Neue Helvetica 75 Bold" charset="0"/>
        </a:defRPr>
      </a:lvl9pPr>
    </p:titleStyle>
    <p:bodyStyle>
      <a:lvl1pPr marL="1588" indent="-1588" algn="l" rtl="0" eaLnBrk="1" fontAlgn="base" hangingPunct="1">
        <a:spcBef>
          <a:spcPct val="20000"/>
        </a:spcBef>
        <a:spcAft>
          <a:spcPct val="0"/>
        </a:spcAft>
        <a:defRPr>
          <a:solidFill>
            <a:schemeClr val="tx1"/>
          </a:solidFill>
          <a:latin typeface="+mn-lt"/>
          <a:ea typeface="+mn-ea"/>
          <a:cs typeface="Arial Unicode MS" pitchFamily="34" charset="-128"/>
        </a:defRPr>
      </a:lvl1pPr>
      <a:lvl2pPr marL="358775" indent="-260350" algn="l" rtl="0" eaLnBrk="1" fontAlgn="base" hangingPunct="1">
        <a:spcBef>
          <a:spcPct val="20000"/>
        </a:spcBef>
        <a:spcAft>
          <a:spcPct val="0"/>
        </a:spcAft>
        <a:buClr>
          <a:schemeClr val="tx2"/>
        </a:buClr>
        <a:buFont typeface="Wingdings" pitchFamily="2" charset="2"/>
        <a:buChar char="§"/>
        <a:defRPr baseline="0">
          <a:solidFill>
            <a:schemeClr val="tx1"/>
          </a:solidFill>
          <a:latin typeface="+mn-lt"/>
          <a:cs typeface="Arial Unicode MS" pitchFamily="34" charset="-128"/>
        </a:defRPr>
      </a:lvl2pPr>
      <a:lvl3pPr marL="625475" indent="-176213" algn="l" defTabSz="803275" rtl="0" eaLnBrk="1" fontAlgn="base" hangingPunct="1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buChar char="§"/>
        <a:defRPr baseline="0">
          <a:solidFill>
            <a:schemeClr val="tx1"/>
          </a:solidFill>
          <a:latin typeface="+mn-lt"/>
          <a:cs typeface="Arial Unicode MS" pitchFamily="34" charset="-128"/>
        </a:defRPr>
      </a:lvl3pPr>
      <a:lvl4pPr marL="982663" indent="-174625" algn="l" rtl="0" eaLnBrk="1" fontAlgn="base" hangingPunct="1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buChar char="§"/>
        <a:defRPr sz="1600">
          <a:solidFill>
            <a:schemeClr val="tx1"/>
          </a:solidFill>
          <a:latin typeface="+mn-lt"/>
          <a:cs typeface="Arial Unicode MS" pitchFamily="34" charset="-128"/>
        </a:defRPr>
      </a:lvl4pPr>
      <a:lvl5pPr marL="1257300" indent="-182563" algn="l" rtl="0" eaLnBrk="1" fontAlgn="base" hangingPunct="1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buChar char="§"/>
        <a:defRPr sz="1600">
          <a:solidFill>
            <a:schemeClr val="tx1"/>
          </a:solidFill>
          <a:latin typeface="+mn-lt"/>
          <a:cs typeface="Arial Unicode MS" pitchFamily="34" charset="-128"/>
        </a:defRPr>
      </a:lvl5pPr>
      <a:lvl6pPr marL="24384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2"/>
          </a:solidFill>
          <a:latin typeface="+mn-lt"/>
        </a:defRPr>
      </a:lvl6pPr>
      <a:lvl7pPr marL="28956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2"/>
          </a:solidFill>
          <a:latin typeface="+mn-lt"/>
        </a:defRPr>
      </a:lvl7pPr>
      <a:lvl8pPr marL="33528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2"/>
          </a:solidFill>
          <a:latin typeface="+mn-lt"/>
        </a:defRPr>
      </a:lvl8pPr>
      <a:lvl9pPr marL="38100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2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10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10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7" Type="http://schemas.openxmlformats.org/officeDocument/2006/relationships/image" Target="../media/image32.png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0.xml"/></Relationships>
</file>

<file path=ppt/slides/_rels/slide1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slideLayout" Target="../slideLayouts/slideLayout10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diagramLayout" Target="../diagrams/layout3.xml"/><Relationship Id="rId7" Type="http://schemas.openxmlformats.org/officeDocument/2006/relationships/image" Target="../media/image16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0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dirty="0"/>
              <a:t>Automatic English Text Simplification for Statutes</a:t>
            </a:r>
            <a:endParaRPr lang="en-US" dirty="0"/>
          </a:p>
        </p:txBody>
      </p:sp>
      <p:sp>
        <p:nvSpPr>
          <p:cNvPr id="16" name="Textplatzhalter 15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IN" dirty="0"/>
              <a:t>Akshaya </a:t>
            </a:r>
            <a:r>
              <a:rPr lang="en-IN" dirty="0" err="1"/>
              <a:t>Muralidharan</a:t>
            </a:r>
            <a:r>
              <a:rPr lang="en-IN" dirty="0"/>
              <a:t>, 17.05.2021, Master Thesis </a:t>
            </a:r>
            <a:r>
              <a:rPr lang="en-IN" dirty="0" err="1"/>
              <a:t>Kickoff</a:t>
            </a:r>
            <a:r>
              <a:rPr lang="en-IN" dirty="0"/>
              <a:t> presentation</a:t>
            </a:r>
          </a:p>
        </p:txBody>
      </p:sp>
    </p:spTree>
    <p:extLst>
      <p:ext uri="{BB962C8B-B14F-4D97-AF65-F5344CB8AC3E}">
        <p14:creationId xmlns:p14="http://schemas.microsoft.com/office/powerpoint/2010/main" val="168052487"/>
      </p:ext>
    </p:extLst>
  </p:cSld>
  <p:clrMapOvr>
    <a:masterClrMapping/>
  </p:clrMapOvr>
  <p:transition/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/>
        </p:nvSpPr>
        <p:spPr bwMode="auto">
          <a:xfrm>
            <a:off x="-1530" y="3573016"/>
            <a:ext cx="12192000" cy="432048"/>
          </a:xfrm>
          <a:prstGeom prst="rect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/>
          <a:lstStyle/>
          <a:p>
            <a:pPr algn="r" eaLnBrk="0" hangingPunct="0">
              <a:defRPr/>
            </a:pPr>
            <a:endParaRPr lang="de-DE" dirty="0">
              <a:solidFill>
                <a:schemeClr val="tx1"/>
              </a:solidFill>
              <a:latin typeface="Arial Unicode MS" pitchFamily="34" charset="-128"/>
            </a:endParaRP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otivation</a:t>
            </a:r>
          </a:p>
          <a:p>
            <a:endParaRPr lang="en-US" dirty="0"/>
          </a:p>
          <a:p>
            <a:r>
              <a:rPr lang="en-US" dirty="0"/>
              <a:t>Dataset collection</a:t>
            </a:r>
          </a:p>
          <a:p>
            <a:endParaRPr lang="en-US" dirty="0"/>
          </a:p>
          <a:p>
            <a:r>
              <a:rPr lang="en-US" dirty="0"/>
              <a:t>Research questions </a:t>
            </a:r>
            <a:br>
              <a:rPr lang="en-US" dirty="0"/>
            </a:br>
            <a:endParaRPr lang="en-US" dirty="0"/>
          </a:p>
          <a:p>
            <a:r>
              <a:rPr lang="en-US" dirty="0"/>
              <a:t>Methodology</a:t>
            </a:r>
          </a:p>
          <a:p>
            <a:endParaRPr lang="en-US" dirty="0"/>
          </a:p>
          <a:p>
            <a:r>
              <a:rPr lang="en-US" dirty="0"/>
              <a:t>Current progress</a:t>
            </a:r>
          </a:p>
          <a:p>
            <a:endParaRPr lang="en-US" dirty="0"/>
          </a:p>
          <a:p>
            <a:r>
              <a:rPr lang="en-US" dirty="0"/>
              <a:t>Timeline</a:t>
            </a:r>
          </a:p>
          <a:p>
            <a:pPr marL="98425" lvl="1" indent="0">
              <a:buNone/>
            </a:pP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© sebis</a:t>
            </a:r>
            <a:endParaRPr lang="de-DE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C9FAB-BDC1-47C0-A8BB-6E12A8205D33}" type="slidenum">
              <a:rPr lang="de-DE" smtClean="0"/>
              <a:pPr/>
              <a:t>10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264516641"/>
      </p:ext>
    </p:extLst>
  </p:cSld>
  <p:clrMapOvr>
    <a:masterClrMapping/>
  </p:clrMapOvr>
  <p:transition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CFB818C-06EE-40D9-8C95-8303304E71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4437" y="44452"/>
            <a:ext cx="10586099" cy="720725"/>
          </a:xfrm>
        </p:spPr>
        <p:txBody>
          <a:bodyPr wrap="square" anchor="b">
            <a:normAutofit/>
          </a:bodyPr>
          <a:lstStyle/>
          <a:p>
            <a:r>
              <a:rPr lang="en-IN" dirty="0"/>
              <a:t>Literature Surve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53F464-4D47-4A26-9AC0-56068C8DEB1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383184" y="6570616"/>
            <a:ext cx="2142067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© sebis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EF1CCF-FBC4-4541-8AAC-4D2F545EAA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 wrap="squar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210517 Muralidharan Legal Text Simplification</a:t>
            </a:r>
            <a:endParaRPr lang="de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39C364-7B4D-48EE-A87B-1CFA3DF01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25251" y="6570616"/>
            <a:ext cx="332316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E201E5CB-5EE0-4EA4-87FF-7D8A79A61969}" type="slidenum">
              <a:rPr lang="de-DE" smtClean="0"/>
              <a:pPr>
                <a:spcAft>
                  <a:spcPts val="600"/>
                </a:spcAft>
                <a:defRPr/>
              </a:pPr>
              <a:t>11</a:t>
            </a:fld>
            <a:endParaRPr lang="de-DE"/>
          </a:p>
        </p:txBody>
      </p:sp>
      <p:graphicFrame>
        <p:nvGraphicFramePr>
          <p:cNvPr id="8" name="Content Placeholder 1">
            <a:extLst>
              <a:ext uri="{FF2B5EF4-FFF2-40B4-BE49-F238E27FC236}">
                <a16:creationId xmlns:a16="http://schemas.microsoft.com/office/drawing/2014/main" id="{2E2C8817-6545-49F2-A92F-50C3BAD006F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672592709"/>
              </p:ext>
            </p:extLst>
          </p:nvPr>
        </p:nvGraphicFramePr>
        <p:xfrm>
          <a:off x="334434" y="981076"/>
          <a:ext cx="11523133" cy="54006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896120694"/>
      </p:ext>
    </p:extLst>
  </p:cSld>
  <p:clrMapOvr>
    <a:masterClrMapping/>
  </p:clrMapOvr>
  <p:transition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126F258A-F68A-4168-81F6-0E63D5E425A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809752" y="981076"/>
            <a:ext cx="8572500" cy="5400675"/>
          </a:xfrm>
          <a:prstGeom prst="rect">
            <a:avLst/>
          </a:prstGeom>
          <a:noFill/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234E4ACC-D2E2-4612-9C5C-7728047EEE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4437" y="44452"/>
            <a:ext cx="10586099" cy="720725"/>
          </a:xfrm>
        </p:spPr>
        <p:txBody>
          <a:bodyPr wrap="square" anchor="b">
            <a:normAutofit/>
          </a:bodyPr>
          <a:lstStyle/>
          <a:p>
            <a:r>
              <a:rPr lang="en-IN" dirty="0"/>
              <a:t>Measuring readability of sample tex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0157B0-434B-44B0-B2C7-76CD2E68F8A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383184" y="6570616"/>
            <a:ext cx="2142067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© sebis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AC480B2-F970-40C5-854E-5696AC788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 wrap="squar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210517 Muralidharan Legal Text Simplification</a:t>
            </a:r>
            <a:endParaRPr lang="de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F619F0-CC8F-405B-AE20-94726FA60E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25251" y="6570616"/>
            <a:ext cx="332316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E201E5CB-5EE0-4EA4-87FF-7D8A79A61969}" type="slidenum">
              <a:rPr lang="de-DE" smtClean="0"/>
              <a:pPr>
                <a:spcAft>
                  <a:spcPts val="600"/>
                </a:spcAft>
                <a:defRPr/>
              </a:pPr>
              <a:t>1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62182870"/>
      </p:ext>
    </p:extLst>
  </p:cSld>
  <p:clrMapOvr>
    <a:masterClrMapping/>
  </p:clrMapOvr>
  <p:transition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43802517-2C3E-48E4-889A-25B0D08A401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08514" y="981076"/>
            <a:ext cx="9774977" cy="5400675"/>
          </a:xfrm>
          <a:prstGeom prst="rect">
            <a:avLst/>
          </a:prstGeom>
          <a:noFill/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234E4ACC-D2E2-4612-9C5C-7728047EEE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4437" y="44452"/>
            <a:ext cx="10586099" cy="720725"/>
          </a:xfrm>
        </p:spPr>
        <p:txBody>
          <a:bodyPr wrap="square" anchor="b">
            <a:normAutofit/>
          </a:bodyPr>
          <a:lstStyle/>
          <a:p>
            <a:r>
              <a:rPr lang="en-IN" dirty="0"/>
              <a:t>Measuring readability of sample tex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0157B0-434B-44B0-B2C7-76CD2E68F8A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383184" y="6570616"/>
            <a:ext cx="2142067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© sebis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AC480B2-F970-40C5-854E-5696AC788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 wrap="squar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210517 Muralidharan Legal Text Simplification</a:t>
            </a:r>
            <a:endParaRPr lang="de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F619F0-CC8F-405B-AE20-94726FA60E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25251" y="6570616"/>
            <a:ext cx="332316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E201E5CB-5EE0-4EA4-87FF-7D8A79A61969}" type="slidenum">
              <a:rPr lang="de-DE" smtClean="0"/>
              <a:pPr>
                <a:spcAft>
                  <a:spcPts val="600"/>
                </a:spcAft>
                <a:defRPr/>
              </a:pPr>
              <a:t>1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06504240"/>
      </p:ext>
    </p:extLst>
  </p:cSld>
  <p:clrMapOvr>
    <a:masterClrMapping/>
  </p:clrMapOvr>
  <p:transition/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395BDD3-8B15-4459-BBFE-91B31C3E4F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4437" y="44452"/>
            <a:ext cx="10586099" cy="720725"/>
          </a:xfrm>
        </p:spPr>
        <p:txBody>
          <a:bodyPr wrap="square" anchor="b">
            <a:normAutofit/>
          </a:bodyPr>
          <a:lstStyle/>
          <a:p>
            <a:r>
              <a:rPr lang="en-IN" dirty="0"/>
              <a:t>Scraping easy-to-read tex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F99F559-2298-40E5-9375-3DE7016966C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383184" y="6570616"/>
            <a:ext cx="2142067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© sebis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B187FEC-A5D9-48C0-9850-DFD95FDE78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 wrap="squar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210517 Muralidharan Legal Text Simplification</a:t>
            </a:r>
            <a:endParaRPr lang="de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28D794-029A-46A7-A7D9-862752C9A0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25251" y="6570616"/>
            <a:ext cx="332316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E201E5CB-5EE0-4EA4-87FF-7D8A79A61969}" type="slidenum">
              <a:rPr lang="de-DE" smtClean="0"/>
              <a:pPr>
                <a:spcAft>
                  <a:spcPts val="600"/>
                </a:spcAft>
                <a:defRPr/>
              </a:pPr>
              <a:t>14</a:t>
            </a:fld>
            <a:endParaRPr lang="de-DE"/>
          </a:p>
        </p:txBody>
      </p:sp>
      <p:graphicFrame>
        <p:nvGraphicFramePr>
          <p:cNvPr id="8" name="Content Placeholder 1">
            <a:extLst>
              <a:ext uri="{FF2B5EF4-FFF2-40B4-BE49-F238E27FC236}">
                <a16:creationId xmlns:a16="http://schemas.microsoft.com/office/drawing/2014/main" id="{035A6FD8-B79F-4333-B7CD-B28C22745D3E}"/>
              </a:ext>
            </a:extLst>
          </p:cNvPr>
          <p:cNvGraphicFramePr>
            <a:graphicFrameLocks noGrp="1"/>
          </p:cNvGraphicFramePr>
          <p:nvPr>
            <p:ph sz="quarter" idx="4"/>
            <p:extLst>
              <p:ext uri="{D42A27DB-BD31-4B8C-83A1-F6EECF244321}">
                <p14:modId xmlns:p14="http://schemas.microsoft.com/office/powerpoint/2010/main" val="507259956"/>
              </p:ext>
            </p:extLst>
          </p:nvPr>
        </p:nvGraphicFramePr>
        <p:xfrm>
          <a:off x="8256241" y="1302559"/>
          <a:ext cx="3601326" cy="47878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5" name="Picture 14">
            <a:extLst>
              <a:ext uri="{FF2B5EF4-FFF2-40B4-BE49-F238E27FC236}">
                <a16:creationId xmlns:a16="http://schemas.microsoft.com/office/drawing/2014/main" id="{72EA7149-ED5E-454B-BFFF-5AC61CA510D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3332" y="1628800"/>
            <a:ext cx="8028891" cy="3954228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520440676"/>
      </p:ext>
    </p:extLst>
  </p:cSld>
  <p:clrMapOvr>
    <a:masterClrMapping/>
  </p:clrMapOvr>
  <p:transition/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/>
        </p:nvSpPr>
        <p:spPr bwMode="auto">
          <a:xfrm>
            <a:off x="19945" y="4221088"/>
            <a:ext cx="12192000" cy="432048"/>
          </a:xfrm>
          <a:prstGeom prst="rect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/>
          <a:lstStyle/>
          <a:p>
            <a:pPr algn="r" eaLnBrk="0" hangingPunct="0">
              <a:defRPr/>
            </a:pPr>
            <a:endParaRPr lang="de-DE" dirty="0">
              <a:solidFill>
                <a:schemeClr val="tx1"/>
              </a:solidFill>
              <a:latin typeface="Arial Unicode MS" pitchFamily="34" charset="-128"/>
            </a:endParaRP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otivation</a:t>
            </a:r>
          </a:p>
          <a:p>
            <a:endParaRPr lang="en-US" dirty="0"/>
          </a:p>
          <a:p>
            <a:r>
              <a:rPr lang="en-US" dirty="0"/>
              <a:t>Dataset collection</a:t>
            </a:r>
          </a:p>
          <a:p>
            <a:endParaRPr lang="en-US" dirty="0"/>
          </a:p>
          <a:p>
            <a:r>
              <a:rPr lang="en-US" dirty="0"/>
              <a:t>Research questions </a:t>
            </a:r>
            <a:br>
              <a:rPr lang="en-US" dirty="0"/>
            </a:br>
            <a:endParaRPr lang="en-US" dirty="0"/>
          </a:p>
          <a:p>
            <a:r>
              <a:rPr lang="en-US" dirty="0"/>
              <a:t>Methodology</a:t>
            </a:r>
          </a:p>
          <a:p>
            <a:endParaRPr lang="en-US" dirty="0"/>
          </a:p>
          <a:p>
            <a:r>
              <a:rPr lang="en-US" dirty="0"/>
              <a:t>Current progress</a:t>
            </a:r>
          </a:p>
          <a:p>
            <a:endParaRPr lang="en-US" dirty="0"/>
          </a:p>
          <a:p>
            <a:r>
              <a:rPr lang="en-US" dirty="0"/>
              <a:t>Timeline</a:t>
            </a:r>
          </a:p>
          <a:p>
            <a:pPr marL="98425" lvl="1" indent="0">
              <a:buNone/>
            </a:pP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© sebis</a:t>
            </a:r>
            <a:endParaRPr lang="de-DE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C9FAB-BDC1-47C0-A8BB-6E12A8205D33}" type="slidenum">
              <a:rPr lang="de-DE" smtClean="0"/>
              <a:pPr/>
              <a:t>15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521226656"/>
      </p:ext>
    </p:extLst>
  </p:cSld>
  <p:clrMapOvr>
    <a:masterClrMapping/>
  </p:clrMapOvr>
  <p:transition/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02219317-EC20-425A-A2C7-8CEDEE4031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BF96573-812B-42F6-85BC-D9211766EB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dirty="0"/>
              <a:t>Timelin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778955-3D30-4261-A31F-C04816C2AC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© sebis</a:t>
            </a:r>
            <a:endParaRPr lang="de-DE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75A0F4-4E5B-42FA-81AC-371EB5DC89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4405E9-53F7-4127-A4F8-7DDE56B38E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201E5CB-5EE0-4EA4-87FF-7D8A79A61969}" type="slidenum">
              <a:rPr lang="de-DE" smtClean="0"/>
              <a:pPr>
                <a:defRPr/>
              </a:pPr>
              <a:t>16</a:t>
            </a:fld>
            <a:endParaRPr lang="de-DE" dirty="0"/>
          </a:p>
        </p:txBody>
      </p:sp>
      <p:sp>
        <p:nvSpPr>
          <p:cNvPr id="7" name="OTLSHAPE_TB_00000000000000000000000000000000_LeftEndCaps">
            <a:extLst>
              <a:ext uri="{FF2B5EF4-FFF2-40B4-BE49-F238E27FC236}">
                <a16:creationId xmlns:a16="http://schemas.microsoft.com/office/drawing/2014/main" id="{D68D6338-B940-45A9-92DC-6503BE9960F2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726639" y="229974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800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" name="OTLSHAPE_TB_00000000000000000000000000000000_RightEndCaps">
            <a:extLst>
              <a:ext uri="{FF2B5EF4-FFF2-40B4-BE49-F238E27FC236}">
                <a16:creationId xmlns:a16="http://schemas.microsoft.com/office/drawing/2014/main" id="{58CF5CBB-59D6-4225-A8B0-336FF14AF982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9772173" y="229974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800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9" name="OTLSHAPE_T_17c56a3c45f7417d813f84f64b20dc58_HorizontalConnector1">
            <a:extLst>
              <a:ext uri="{FF2B5EF4-FFF2-40B4-BE49-F238E27FC236}">
                <a16:creationId xmlns:a16="http://schemas.microsoft.com/office/drawing/2014/main" id="{575A68C3-78C6-48FC-8D70-5620E8FF702E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428102" y="3247628"/>
            <a:ext cx="390485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dff351d022684bfcb80592a0ae0cb9b3_HorizontalConnector1">
            <a:extLst>
              <a:ext uri="{FF2B5EF4-FFF2-40B4-BE49-F238E27FC236}">
                <a16:creationId xmlns:a16="http://schemas.microsoft.com/office/drawing/2014/main" id="{FA4CF487-7E52-4E13-8BA1-0481AC0560E5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526104" y="3514328"/>
            <a:ext cx="32648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7c0623fad8084a12be06621a7dc03e2b_HorizontalConnector1">
            <a:extLst>
              <a:ext uri="{FF2B5EF4-FFF2-40B4-BE49-F238E27FC236}">
                <a16:creationId xmlns:a16="http://schemas.microsoft.com/office/drawing/2014/main" id="{8D851C6B-8148-4EC7-95EF-5B6C5A2279D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788528" y="3781028"/>
            <a:ext cx="574154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1606905f60f4c62af191758e6e28b1b_HorizontalConnector1">
            <a:extLst>
              <a:ext uri="{FF2B5EF4-FFF2-40B4-BE49-F238E27FC236}">
                <a16:creationId xmlns:a16="http://schemas.microsoft.com/office/drawing/2014/main" id="{D7AF704B-44D1-4F08-BD8F-FDBCA2E877D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390383" y="4047728"/>
            <a:ext cx="2468561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843233e3a9d84ba08ceeee2e30fdc6ff_HorizontalConnector1">
            <a:extLst>
              <a:ext uri="{FF2B5EF4-FFF2-40B4-BE49-F238E27FC236}">
                <a16:creationId xmlns:a16="http://schemas.microsoft.com/office/drawing/2014/main" id="{EF9CEA1D-23E4-41B8-A34B-927A677A1DA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675496" y="4314428"/>
            <a:ext cx="2135613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a2de62545d9b4602b9fe057d116cd180_HorizontalConnector1">
            <a:extLst>
              <a:ext uri="{FF2B5EF4-FFF2-40B4-BE49-F238E27FC236}">
                <a16:creationId xmlns:a16="http://schemas.microsoft.com/office/drawing/2014/main" id="{C505754A-8653-42DB-9E14-8E7350F21A2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791744" y="4581128"/>
            <a:ext cx="3209573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5b64eb1713c461c96c5b0bfceeaed24_HorizontalConnector1">
            <a:extLst>
              <a:ext uri="{FF2B5EF4-FFF2-40B4-BE49-F238E27FC236}">
                <a16:creationId xmlns:a16="http://schemas.microsoft.com/office/drawing/2014/main" id="{8FD2F864-09D2-4CA9-98E4-A488D8C5613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241072" y="4847828"/>
            <a:ext cx="1855913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ScaleContainer">
            <a:extLst>
              <a:ext uri="{FF2B5EF4-FFF2-40B4-BE49-F238E27FC236}">
                <a16:creationId xmlns:a16="http://schemas.microsoft.com/office/drawing/2014/main" id="{9104B4B6-A68D-4B3F-82C1-769B73F9314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342504" y="2248773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7" name="OTLSHAPE_TB_00000000000000000000000000000000_ElapsedTime">
            <a:extLst>
              <a:ext uri="{FF2B5EF4-FFF2-40B4-BE49-F238E27FC236}">
                <a16:creationId xmlns:a16="http://schemas.microsoft.com/office/drawing/2014/main" id="{99C0CBFA-539B-4CE7-B383-59A4F4765F2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342504" y="2553573"/>
            <a:ext cx="1397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8" name="OTLSHAPE_TB_00000000000000000000000000000000_TodayMarkerShape">
            <a:extLst>
              <a:ext uri="{FF2B5EF4-FFF2-40B4-BE49-F238E27FC236}">
                <a16:creationId xmlns:a16="http://schemas.microsoft.com/office/drawing/2014/main" id="{D1DBD50F-400A-4D13-BD31-DB62512EA6D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680788" y="2629773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9" name="OTLSHAPE_TB_00000000000000000000000000000000_TodayMarkerText">
            <a:extLst>
              <a:ext uri="{FF2B5EF4-FFF2-40B4-BE49-F238E27FC236}">
                <a16:creationId xmlns:a16="http://schemas.microsoft.com/office/drawing/2014/main" id="{AC4D5E9D-956D-402A-B3F9-00E47C3B9A1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555089" y="2756773"/>
            <a:ext cx="36452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26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0" name="OTLSHAPE_TB_00000000000000000000000000000000_TimescaleInterval1">
            <a:extLst>
              <a:ext uri="{FF2B5EF4-FFF2-40B4-BE49-F238E27FC236}">
                <a16:creationId xmlns:a16="http://schemas.microsoft.com/office/drawing/2014/main" id="{79511220-685C-4BEA-9E6D-B312C1A62D78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406004" y="234624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1" name="OTLSHAPE_TB_00000000000000000000000000000000_TimescaleInterval2">
            <a:extLst>
              <a:ext uri="{FF2B5EF4-FFF2-40B4-BE49-F238E27FC236}">
                <a16:creationId xmlns:a16="http://schemas.microsoft.com/office/drawing/2014/main" id="{8101475F-EACE-4949-8641-73DE67CA828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3426182" y="2346246"/>
            <a:ext cx="2679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4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2" name="OTLSHAPE_TB_00000000000000000000000000000000_TimescaleInterval3">
            <a:extLst>
              <a:ext uri="{FF2B5EF4-FFF2-40B4-BE49-F238E27FC236}">
                <a16:creationId xmlns:a16="http://schemas.microsoft.com/office/drawing/2014/main" id="{2336D65E-5C50-408C-B0BA-4FA6503B089C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480366" y="234624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3" name="OTLSHAPE_TB_00000000000000000000000000000000_TimescaleInterval4">
            <a:extLst>
              <a:ext uri="{FF2B5EF4-FFF2-40B4-BE49-F238E27FC236}">
                <a16:creationId xmlns:a16="http://schemas.microsoft.com/office/drawing/2014/main" id="{0F0B1F4D-2F62-49B8-ADA0-507CFD62DAC9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500544" y="234624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4" name="OTLSHAPE_TB_00000000000000000000000000000000_TimescaleInterval5">
            <a:extLst>
              <a:ext uri="{FF2B5EF4-FFF2-40B4-BE49-F238E27FC236}">
                <a16:creationId xmlns:a16="http://schemas.microsoft.com/office/drawing/2014/main" id="{AA0D3CFE-18A1-421A-A4A2-B4A19C814E22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554728" y="2346246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5" name="OTLSHAPE_TB_00000000000000000000000000000000_TimescaleInterval6">
            <a:extLst>
              <a:ext uri="{FF2B5EF4-FFF2-40B4-BE49-F238E27FC236}">
                <a16:creationId xmlns:a16="http://schemas.microsoft.com/office/drawing/2014/main" id="{1A14EAE5-5F82-41C4-87CD-9112656B2F8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7608912" y="234624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7">
            <a:extLst>
              <a:ext uri="{FF2B5EF4-FFF2-40B4-BE49-F238E27FC236}">
                <a16:creationId xmlns:a16="http://schemas.microsoft.com/office/drawing/2014/main" id="{7462F24C-1069-4F47-BCBB-D8B1EDE8C94B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8629090" y="234624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27" name="OTLSHAPE_TB_00000000000000000000000000000000_Separator1">
            <a:extLst>
              <a:ext uri="{FF2B5EF4-FFF2-40B4-BE49-F238E27FC236}">
                <a16:creationId xmlns:a16="http://schemas.microsoft.com/office/drawing/2014/main" id="{3883C2A3-B6D0-433A-8F66-4BBCD52FA588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362682" y="233767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B_00000000000000000000000000000000_Separator2">
            <a:extLst>
              <a:ext uri="{FF2B5EF4-FFF2-40B4-BE49-F238E27FC236}">
                <a16:creationId xmlns:a16="http://schemas.microsoft.com/office/drawing/2014/main" id="{FCD6F34C-6C94-4C8B-9343-60F48D65A76A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416866" y="233767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3">
            <a:extLst>
              <a:ext uri="{FF2B5EF4-FFF2-40B4-BE49-F238E27FC236}">
                <a16:creationId xmlns:a16="http://schemas.microsoft.com/office/drawing/2014/main" id="{6297F9B3-FD7A-48B5-9678-4B0402142BC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437044" y="233767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Separator4">
            <a:extLst>
              <a:ext uri="{FF2B5EF4-FFF2-40B4-BE49-F238E27FC236}">
                <a16:creationId xmlns:a16="http://schemas.microsoft.com/office/drawing/2014/main" id="{5410C6BB-F983-4169-9DCF-68E4A18C167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491228" y="233767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5">
            <a:extLst>
              <a:ext uri="{FF2B5EF4-FFF2-40B4-BE49-F238E27FC236}">
                <a16:creationId xmlns:a16="http://schemas.microsoft.com/office/drawing/2014/main" id="{E56A0D7E-534A-46B3-B311-1D1A528DD81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545412" y="233767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Separator6">
            <a:extLst>
              <a:ext uri="{FF2B5EF4-FFF2-40B4-BE49-F238E27FC236}">
                <a16:creationId xmlns:a16="http://schemas.microsoft.com/office/drawing/2014/main" id="{EEF2E398-3EB0-457D-B71C-C87C2802BCB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65590" y="233767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T_17c56a3c45f7417d813f84f64b20dc58_Shape">
            <a:extLst>
              <a:ext uri="{FF2B5EF4-FFF2-40B4-BE49-F238E27FC236}">
                <a16:creationId xmlns:a16="http://schemas.microsoft.com/office/drawing/2014/main" id="{4FF4936C-B360-4689-AC36-E7AB8C4AF93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818587" y="3146028"/>
            <a:ext cx="62611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4" name="OTLSHAPE_T_dff351d022684bfcb80592a0ae0cb9b3_Shape">
            <a:extLst>
              <a:ext uri="{FF2B5EF4-FFF2-40B4-BE49-F238E27FC236}">
                <a16:creationId xmlns:a16="http://schemas.microsoft.com/office/drawing/2014/main" id="{A89520BC-197A-4C1B-96E3-75EDF7C6671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852593" y="3412728"/>
            <a:ext cx="10922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5" name="OTLSHAPE_T_7c0623fad8084a12be06621a7dc03e2b_Shape">
            <a:extLst>
              <a:ext uri="{FF2B5EF4-FFF2-40B4-BE49-F238E27FC236}">
                <a16:creationId xmlns:a16="http://schemas.microsoft.com/office/drawing/2014/main" id="{46C000CD-97E0-4331-A265-95B08EE345F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362682" y="3679428"/>
            <a:ext cx="15367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6" name="OTLSHAPE_T_81606905f60f4c62af191758e6e28b1b_Shape">
            <a:extLst>
              <a:ext uri="{FF2B5EF4-FFF2-40B4-BE49-F238E27FC236}">
                <a16:creationId xmlns:a16="http://schemas.microsoft.com/office/drawing/2014/main" id="{B67BC605-2D1D-4902-8738-9D58A192090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858944" y="3946128"/>
            <a:ext cx="9906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7" name="OTLSHAPE_T_843233e3a9d84ba08ceeee2e30fdc6ff_Shape">
            <a:extLst>
              <a:ext uri="{FF2B5EF4-FFF2-40B4-BE49-F238E27FC236}">
                <a16:creationId xmlns:a16="http://schemas.microsoft.com/office/drawing/2014/main" id="{D5E36153-0BFA-4A12-A74E-90138B82CCF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811109" y="4212828"/>
            <a:ext cx="12319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8" name="OTLSHAPE_T_a2de62545d9b4602b9fe057d116cd180_Shape">
            <a:extLst>
              <a:ext uri="{FF2B5EF4-FFF2-40B4-BE49-F238E27FC236}">
                <a16:creationId xmlns:a16="http://schemas.microsoft.com/office/drawing/2014/main" id="{1ED69D0B-9629-475F-A5CE-B7526D5C452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001317" y="4479528"/>
            <a:ext cx="9906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9" name="OTLSHAPE_T_45b64eb1713c461c96c5b0bfceeaed24_Shape">
            <a:extLst>
              <a:ext uri="{FF2B5EF4-FFF2-40B4-BE49-F238E27FC236}">
                <a16:creationId xmlns:a16="http://schemas.microsoft.com/office/drawing/2014/main" id="{8580BBFD-7804-4A52-953B-4545D85C335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096985" y="4746228"/>
            <a:ext cx="39878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0" name="OTLSHAPE_T_17c56a3c45f7417d813f84f64b20dc58_JoinedDate">
            <a:extLst>
              <a:ext uri="{FF2B5EF4-FFF2-40B4-BE49-F238E27FC236}">
                <a16:creationId xmlns:a16="http://schemas.microsoft.com/office/drawing/2014/main" id="{E1880FFA-DE4A-47F2-9702-58BB6FA67DC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126456" y="317011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Apr 15 - Oct 15</a:t>
            </a:r>
          </a:p>
        </p:txBody>
      </p:sp>
      <p:sp>
        <p:nvSpPr>
          <p:cNvPr id="41" name="OTLSHAPE_T_17c56a3c45f7417d813f84f64b20dc58_Title">
            <a:extLst>
              <a:ext uri="{FF2B5EF4-FFF2-40B4-BE49-F238E27FC236}">
                <a16:creationId xmlns:a16="http://schemas.microsoft.com/office/drawing/2014/main" id="{35455632-F35B-41A7-9994-99EAE3867EE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536139" y="316236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aster's Thesis</a:t>
            </a:r>
          </a:p>
        </p:txBody>
      </p:sp>
      <p:sp>
        <p:nvSpPr>
          <p:cNvPr id="42" name="OTLSHAPE_T_dff351d022684bfcb80592a0ae0cb9b3_JoinedDate">
            <a:extLst>
              <a:ext uri="{FF2B5EF4-FFF2-40B4-BE49-F238E27FC236}">
                <a16:creationId xmlns:a16="http://schemas.microsoft.com/office/drawing/2014/main" id="{18B7CF6B-0256-46C9-8EB5-16FF6DC5959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991560" y="343681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Apr 16 - May 17</a:t>
            </a:r>
          </a:p>
        </p:txBody>
      </p:sp>
      <p:sp>
        <p:nvSpPr>
          <p:cNvPr id="43" name="OTLSHAPE_T_dff351d022684bfcb80592a0ae0cb9b3_Title">
            <a:extLst>
              <a:ext uri="{FF2B5EF4-FFF2-40B4-BE49-F238E27FC236}">
                <a16:creationId xmlns:a16="http://schemas.microsoft.com/office/drawing/2014/main" id="{F20E5A2C-2F74-4108-A580-9C02EEE69B4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536139" y="3429069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4" name="OTLSHAPE_T_7c0623fad8084a12be06621a7dc03e2b_JoinedDate">
            <a:extLst>
              <a:ext uri="{FF2B5EF4-FFF2-40B4-BE49-F238E27FC236}">
                <a16:creationId xmlns:a16="http://schemas.microsoft.com/office/drawing/2014/main" id="{E2A494F1-AAC9-4B09-A296-CAFB05ED697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943726" y="3703516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May 1 - Jun 14</a:t>
            </a:r>
          </a:p>
        </p:txBody>
      </p:sp>
      <p:sp>
        <p:nvSpPr>
          <p:cNvPr id="45" name="OTLSHAPE_T_7c0623fad8084a12be06621a7dc03e2b_Title">
            <a:extLst>
              <a:ext uri="{FF2B5EF4-FFF2-40B4-BE49-F238E27FC236}">
                <a16:creationId xmlns:a16="http://schemas.microsoft.com/office/drawing/2014/main" id="{E56AA8F6-DD53-49FC-A73E-61EBAC61FB0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536139" y="3695769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crape and store data</a:t>
            </a:r>
          </a:p>
        </p:txBody>
      </p:sp>
      <p:sp>
        <p:nvSpPr>
          <p:cNvPr id="46" name="OTLSHAPE_T_81606905f60f4c62af191758e6e28b1b_JoinedDate">
            <a:extLst>
              <a:ext uri="{FF2B5EF4-FFF2-40B4-BE49-F238E27FC236}">
                <a16:creationId xmlns:a16="http://schemas.microsoft.com/office/drawing/2014/main" id="{575D7CA3-3D61-4370-A4F1-6656F072330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895892" y="397021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Jun 14 - Jul 12</a:t>
            </a:r>
          </a:p>
        </p:txBody>
      </p:sp>
      <p:sp>
        <p:nvSpPr>
          <p:cNvPr id="47" name="OTLSHAPE_T_81606905f60f4c62af191758e6e28b1b_Title">
            <a:extLst>
              <a:ext uri="{FF2B5EF4-FFF2-40B4-BE49-F238E27FC236}">
                <a16:creationId xmlns:a16="http://schemas.microsoft.com/office/drawing/2014/main" id="{949975FC-97E7-4C4F-A0C7-5A4D8071237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536139" y="396246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ext alignment</a:t>
            </a:r>
          </a:p>
        </p:txBody>
      </p:sp>
      <p:sp>
        <p:nvSpPr>
          <p:cNvPr id="48" name="OTLSHAPE_T_843233e3a9d84ba08ceeee2e30fdc6ff_JoinedDate">
            <a:extLst>
              <a:ext uri="{FF2B5EF4-FFF2-40B4-BE49-F238E27FC236}">
                <a16:creationId xmlns:a16="http://schemas.microsoft.com/office/drawing/2014/main" id="{EEBD0736-7F1A-4B0C-A7AA-32D28F5933F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086099" y="4236916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Jul 12 - Aug 16</a:t>
            </a:r>
          </a:p>
        </p:txBody>
      </p:sp>
      <p:sp>
        <p:nvSpPr>
          <p:cNvPr id="49" name="OTLSHAPE_T_843233e3a9d84ba08ceeee2e30fdc6ff_Title">
            <a:extLst>
              <a:ext uri="{FF2B5EF4-FFF2-40B4-BE49-F238E27FC236}">
                <a16:creationId xmlns:a16="http://schemas.microsoft.com/office/drawing/2014/main" id="{25FEACDF-87A1-45BA-9ABA-6E1181849AA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536139" y="4229169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haracterize text readability features</a:t>
            </a:r>
          </a:p>
        </p:txBody>
      </p:sp>
      <p:sp>
        <p:nvSpPr>
          <p:cNvPr id="50" name="OTLSHAPE_T_a2de62545d9b4602b9fe057d116cd180_JoinedDate">
            <a:extLst>
              <a:ext uri="{FF2B5EF4-FFF2-40B4-BE49-F238E27FC236}">
                <a16:creationId xmlns:a16="http://schemas.microsoft.com/office/drawing/2014/main" id="{BB3F9497-4821-43BE-8FB0-3DB27CC4EDE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038265" y="450361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Aug 16 - Sep 13</a:t>
            </a:r>
          </a:p>
        </p:txBody>
      </p:sp>
      <p:sp>
        <p:nvSpPr>
          <p:cNvPr id="51" name="OTLSHAPE_T_a2de62545d9b4602b9fe057d116cd180_Title">
            <a:extLst>
              <a:ext uri="{FF2B5EF4-FFF2-40B4-BE49-F238E27FC236}">
                <a16:creationId xmlns:a16="http://schemas.microsoft.com/office/drawing/2014/main" id="{2D8BD36F-7BA6-4DB7-99D1-FA3BBF224C2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536139" y="4495869"/>
            <a:ext cx="226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valuating SOTA models on the dataset</a:t>
            </a:r>
          </a:p>
        </p:txBody>
      </p:sp>
      <p:sp>
        <p:nvSpPr>
          <p:cNvPr id="52" name="OTLSHAPE_T_45b64eb1713c461c96c5b0bfceeaed24_JoinedDate">
            <a:extLst>
              <a:ext uri="{FF2B5EF4-FFF2-40B4-BE49-F238E27FC236}">
                <a16:creationId xmlns:a16="http://schemas.microsoft.com/office/drawing/2014/main" id="{2DE60A50-A23B-42B1-9D0C-B6B6F16D3FC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126456" y="4770316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Jun 21 - Oct 15</a:t>
            </a:r>
          </a:p>
        </p:txBody>
      </p:sp>
      <p:sp>
        <p:nvSpPr>
          <p:cNvPr id="53" name="OTLSHAPE_T_45b64eb1713c461c96c5b0bfceeaed24_Title">
            <a:extLst>
              <a:ext uri="{FF2B5EF4-FFF2-40B4-BE49-F238E27FC236}">
                <a16:creationId xmlns:a16="http://schemas.microsoft.com/office/drawing/2014/main" id="{F3D08B7F-6E14-4F26-A96B-523BC681C9F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536139" y="4762569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Write-up &amp; final presentation</a:t>
            </a:r>
          </a:p>
        </p:txBody>
      </p:sp>
    </p:spTree>
    <p:extLst>
      <p:ext uri="{BB962C8B-B14F-4D97-AF65-F5344CB8AC3E}">
        <p14:creationId xmlns:p14="http://schemas.microsoft.com/office/powerpoint/2010/main" val="2916557900"/>
      </p:ext>
    </p:extLst>
  </p:cSld>
  <p:clrMapOvr>
    <a:masterClrMapping/>
  </p:clrMapOvr>
  <p:transition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DA8339D-9AAE-42A2-BB3E-671D2A958FE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886BDD8B-342D-4A72-9D60-02FD54572EC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43872" y="2204864"/>
            <a:ext cx="3097267" cy="2232420"/>
          </a:xfrm>
        </p:spPr>
        <p:txBody>
          <a:bodyPr/>
          <a:lstStyle/>
          <a:p>
            <a:r>
              <a:rPr lang="en-IN" dirty="0"/>
              <a:t>Thank you!</a:t>
            </a:r>
            <a:br>
              <a:rPr lang="en-IN" dirty="0"/>
            </a:br>
            <a:br>
              <a:rPr lang="en-IN" dirty="0"/>
            </a:br>
            <a:r>
              <a:rPr lang="en-IN" dirty="0"/>
              <a:t>Questions?</a:t>
            </a:r>
            <a:br>
              <a:rPr lang="en-IN" dirty="0"/>
            </a:br>
            <a:endParaRPr lang="en-IN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C39718-A312-493D-A08C-443954FFCE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© sebis</a:t>
            </a:r>
            <a:endParaRPr lang="de-DE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1DEC549-7E42-4F8F-8DCF-94672B9C55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70C438C-329A-476F-8200-ACB17011A4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201E5CB-5EE0-4EA4-87FF-7D8A79A61969}" type="slidenum">
              <a:rPr lang="de-DE" smtClean="0"/>
              <a:pPr>
                <a:defRPr/>
              </a:pPr>
              <a:t>17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792402402"/>
      </p:ext>
    </p:extLst>
  </p:cSld>
  <p:clrMapOvr>
    <a:masterClrMapping/>
  </p:clrMapOvr>
  <p:transition/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0DB8333-098C-49EF-8AC5-7133F97AD7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4437" y="44452"/>
            <a:ext cx="10586099" cy="720725"/>
          </a:xfrm>
        </p:spPr>
        <p:txBody>
          <a:bodyPr wrap="square" anchor="b">
            <a:normAutofit/>
          </a:bodyPr>
          <a:lstStyle/>
          <a:p>
            <a:r>
              <a:rPr lang="en-IN" dirty="0"/>
              <a:t>Referenc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8C7E27-B4FD-4869-8731-CD06307E9C2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383184" y="6570616"/>
            <a:ext cx="2142067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© sebis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AC4C441-3CA3-4A25-AFDD-34857DF370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 wrap="squar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210517 Muralidharan Legal Text Simplification</a:t>
            </a:r>
            <a:endParaRPr lang="de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35777F1-43E6-4425-87C1-52BBE4F298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25251" y="6570616"/>
            <a:ext cx="332316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E201E5CB-5EE0-4EA4-87FF-7D8A79A61969}" type="slidenum">
              <a:rPr lang="de-DE" smtClean="0"/>
              <a:pPr>
                <a:spcAft>
                  <a:spcPts val="600"/>
                </a:spcAft>
                <a:defRPr/>
              </a:pPr>
              <a:t>18</a:t>
            </a:fld>
            <a:endParaRPr lang="de-DE"/>
          </a:p>
        </p:txBody>
      </p:sp>
      <p:graphicFrame>
        <p:nvGraphicFramePr>
          <p:cNvPr id="8" name="Content Placeholder 1">
            <a:extLst>
              <a:ext uri="{FF2B5EF4-FFF2-40B4-BE49-F238E27FC236}">
                <a16:creationId xmlns:a16="http://schemas.microsoft.com/office/drawing/2014/main" id="{ACA33B9F-B3E2-4263-83A7-536381DCDCC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53234026"/>
              </p:ext>
            </p:extLst>
          </p:nvPr>
        </p:nvGraphicFramePr>
        <p:xfrm>
          <a:off x="334434" y="981076"/>
          <a:ext cx="11523133" cy="54006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765633672"/>
      </p:ext>
    </p:extLst>
  </p:cSld>
  <p:clrMapOvr>
    <a:masterClrMapping/>
  </p:clrMapOvr>
  <p:transition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/>
        </p:nvSpPr>
        <p:spPr bwMode="auto">
          <a:xfrm>
            <a:off x="0" y="952502"/>
            <a:ext cx="12192000" cy="432048"/>
          </a:xfrm>
          <a:prstGeom prst="rect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/>
          <a:lstStyle/>
          <a:p>
            <a:pPr algn="r" eaLnBrk="0" hangingPunct="0">
              <a:defRPr/>
            </a:pPr>
            <a:endParaRPr lang="de-DE" dirty="0">
              <a:solidFill>
                <a:schemeClr val="tx1"/>
              </a:solidFill>
              <a:latin typeface="Arial Unicode MS" pitchFamily="34" charset="-128"/>
            </a:endParaRP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otivation</a:t>
            </a:r>
          </a:p>
          <a:p>
            <a:endParaRPr lang="en-US" dirty="0"/>
          </a:p>
          <a:p>
            <a:r>
              <a:rPr lang="en-US" dirty="0"/>
              <a:t>Research questions </a:t>
            </a:r>
            <a:br>
              <a:rPr lang="en-US" dirty="0"/>
            </a:br>
            <a:endParaRPr lang="en-US" dirty="0"/>
          </a:p>
          <a:p>
            <a:r>
              <a:rPr lang="en-US" dirty="0"/>
              <a:t>Methodology</a:t>
            </a:r>
          </a:p>
          <a:p>
            <a:endParaRPr lang="en-US" dirty="0"/>
          </a:p>
          <a:p>
            <a:r>
              <a:rPr lang="en-US" dirty="0"/>
              <a:t>Current progress</a:t>
            </a:r>
          </a:p>
          <a:p>
            <a:endParaRPr lang="en-US" dirty="0"/>
          </a:p>
          <a:p>
            <a:r>
              <a:rPr lang="en-US" dirty="0"/>
              <a:t>Timeline</a:t>
            </a:r>
          </a:p>
          <a:p>
            <a:pPr marL="98425" lvl="1" indent="0">
              <a:buNone/>
            </a:pP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© sebis</a:t>
            </a:r>
            <a:endParaRPr lang="de-DE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C9FAB-BDC1-47C0-A8BB-6E12A8205D33}" type="slidenum">
              <a:rPr lang="de-DE" smtClean="0"/>
              <a:pPr/>
              <a:t>2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921109866"/>
      </p:ext>
    </p:extLst>
  </p:cSld>
  <p:clrMapOvr>
    <a:masterClrMapping/>
  </p:clrMapOvr>
  <p:transition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2983CC8-44F1-4F10-A432-DFDC9D9ADD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4437" y="44452"/>
            <a:ext cx="10586099" cy="720725"/>
          </a:xfrm>
        </p:spPr>
        <p:txBody>
          <a:bodyPr wrap="square" anchor="b">
            <a:normAutofit/>
          </a:bodyPr>
          <a:lstStyle/>
          <a:p>
            <a:r>
              <a:rPr lang="en-IN" b="0"/>
              <a:t>Motivation</a:t>
            </a:r>
            <a:endParaRPr lang="en-IN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087181-1874-44D0-89CD-CA375FFA7FD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383184" y="6570616"/>
            <a:ext cx="2142067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© sebis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90E891-14EE-4181-A9D1-1424C9CD98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 wrap="squar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210517 Muralidharan Legal Text Simplification</a:t>
            </a:r>
            <a:endParaRPr lang="de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ABCF5D-C673-4178-94FD-0340D5FD7B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25251" y="6570616"/>
            <a:ext cx="332316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E201E5CB-5EE0-4EA4-87FF-7D8A79A61969}" type="slidenum">
              <a:rPr lang="de-DE" smtClean="0"/>
              <a:pPr>
                <a:spcAft>
                  <a:spcPts val="600"/>
                </a:spcAft>
                <a:defRPr/>
              </a:pPr>
              <a:t>3</a:t>
            </a:fld>
            <a:endParaRPr lang="de-DE"/>
          </a:p>
        </p:txBody>
      </p:sp>
      <p:graphicFrame>
        <p:nvGraphicFramePr>
          <p:cNvPr id="8" name="Content Placeholder 1">
            <a:extLst>
              <a:ext uri="{FF2B5EF4-FFF2-40B4-BE49-F238E27FC236}">
                <a16:creationId xmlns:a16="http://schemas.microsoft.com/office/drawing/2014/main" id="{1C86B650-3A38-44E7-B02D-5973A480FED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21132287"/>
              </p:ext>
            </p:extLst>
          </p:nvPr>
        </p:nvGraphicFramePr>
        <p:xfrm>
          <a:off x="334434" y="981076"/>
          <a:ext cx="11523133" cy="54006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667832987"/>
      </p:ext>
    </p:extLst>
  </p:cSld>
  <p:clrMapOvr>
    <a:masterClrMapping/>
  </p:clrMapOvr>
  <p:transition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/>
        </p:nvSpPr>
        <p:spPr bwMode="auto">
          <a:xfrm>
            <a:off x="-1530" y="1628800"/>
            <a:ext cx="12192000" cy="1080120"/>
          </a:xfrm>
          <a:prstGeom prst="rect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/>
          <a:lstStyle/>
          <a:p>
            <a:pPr algn="r" eaLnBrk="0" hangingPunct="0">
              <a:defRPr/>
            </a:pPr>
            <a:endParaRPr lang="de-DE" dirty="0">
              <a:solidFill>
                <a:schemeClr val="tx1"/>
              </a:solidFill>
              <a:latin typeface="Arial Unicode MS" pitchFamily="34" charset="-128"/>
            </a:endParaRP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otivation</a:t>
            </a:r>
          </a:p>
          <a:p>
            <a:endParaRPr lang="en-US" dirty="0"/>
          </a:p>
          <a:p>
            <a:r>
              <a:rPr lang="en-US" dirty="0"/>
              <a:t>Research questions </a:t>
            </a:r>
          </a:p>
          <a:p>
            <a:pPr lvl="1"/>
            <a:r>
              <a:rPr lang="en-US" dirty="0"/>
              <a:t>Characteristics of simple legal text</a:t>
            </a:r>
          </a:p>
          <a:p>
            <a:pPr lvl="1"/>
            <a:r>
              <a:rPr lang="en-US" dirty="0"/>
              <a:t>Text simplification methods</a:t>
            </a:r>
            <a:br>
              <a:rPr lang="en-US" dirty="0"/>
            </a:br>
            <a:endParaRPr lang="en-US" dirty="0"/>
          </a:p>
          <a:p>
            <a:r>
              <a:rPr lang="en-US" dirty="0"/>
              <a:t>Methodology</a:t>
            </a:r>
          </a:p>
          <a:p>
            <a:endParaRPr lang="en-US" dirty="0"/>
          </a:p>
          <a:p>
            <a:r>
              <a:rPr lang="en-US" dirty="0"/>
              <a:t>Current progress</a:t>
            </a:r>
          </a:p>
          <a:p>
            <a:endParaRPr lang="en-US" dirty="0"/>
          </a:p>
          <a:p>
            <a:r>
              <a:rPr lang="en-US" dirty="0"/>
              <a:t>Timeline</a:t>
            </a:r>
          </a:p>
          <a:p>
            <a:pPr marL="98425" lvl="1" indent="0">
              <a:buNone/>
            </a:pP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© sebis</a:t>
            </a:r>
            <a:endParaRPr lang="de-DE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C9FAB-BDC1-47C0-A8BB-6E12A8205D33}" type="slidenum">
              <a:rPr lang="de-DE" smtClean="0"/>
              <a:pPr/>
              <a:t>4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223977493"/>
      </p:ext>
    </p:extLst>
  </p:cSld>
  <p:clrMapOvr>
    <a:masterClrMapping/>
  </p:clrMapOvr>
  <p:transition/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80C217AB-FB17-4B95-82A4-3A9A265206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4437" y="44452"/>
            <a:ext cx="10586099" cy="720725"/>
          </a:xfrm>
        </p:spPr>
        <p:txBody>
          <a:bodyPr wrap="square" anchor="b">
            <a:normAutofit/>
          </a:bodyPr>
          <a:lstStyle/>
          <a:p>
            <a:r>
              <a:rPr lang="en-IN" dirty="0"/>
              <a:t>Research question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3BD932-1481-4168-870F-569A76FF98E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383184" y="6570616"/>
            <a:ext cx="2142067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© sebis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E79050-6018-4D1D-96A6-DC17CC0B62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 wrap="squar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210517 Muralidharan Legal Text Simplification</a:t>
            </a:r>
            <a:endParaRPr lang="de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06E8D45-5EAA-40C2-9878-B04A3F3985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25251" y="6570616"/>
            <a:ext cx="332316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E201E5CB-5EE0-4EA4-87FF-7D8A79A61969}" type="slidenum">
              <a:rPr lang="de-DE" smtClean="0"/>
              <a:pPr>
                <a:spcAft>
                  <a:spcPts val="600"/>
                </a:spcAft>
                <a:defRPr/>
              </a:pPr>
              <a:t>5</a:t>
            </a:fld>
            <a:endParaRPr lang="de-DE"/>
          </a:p>
        </p:txBody>
      </p:sp>
      <p:graphicFrame>
        <p:nvGraphicFramePr>
          <p:cNvPr id="8" name="Content Placeholder 1">
            <a:extLst>
              <a:ext uri="{FF2B5EF4-FFF2-40B4-BE49-F238E27FC236}">
                <a16:creationId xmlns:a16="http://schemas.microsoft.com/office/drawing/2014/main" id="{C1CB96F0-13C7-4F3E-872D-43D095BDE3DA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303454609"/>
              </p:ext>
            </p:extLst>
          </p:nvPr>
        </p:nvGraphicFramePr>
        <p:xfrm>
          <a:off x="334434" y="981076"/>
          <a:ext cx="11523133" cy="54006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955474874"/>
      </p:ext>
    </p:extLst>
  </p:cSld>
  <p:clrMapOvr>
    <a:masterClrMapping/>
  </p:clrMapOvr>
  <p:transition/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/>
        </p:nvSpPr>
        <p:spPr bwMode="auto">
          <a:xfrm>
            <a:off x="0" y="2892465"/>
            <a:ext cx="12192000" cy="1512813"/>
          </a:xfrm>
          <a:prstGeom prst="rect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/>
          <a:lstStyle/>
          <a:p>
            <a:pPr algn="r" eaLnBrk="0" hangingPunct="0">
              <a:defRPr/>
            </a:pPr>
            <a:endParaRPr lang="de-DE" dirty="0">
              <a:solidFill>
                <a:schemeClr val="tx1"/>
              </a:solidFill>
              <a:latin typeface="Arial Unicode MS" pitchFamily="34" charset="-128"/>
            </a:endParaRP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Motivation</a:t>
            </a:r>
          </a:p>
          <a:p>
            <a:endParaRPr lang="en-US" dirty="0"/>
          </a:p>
          <a:p>
            <a:r>
              <a:rPr lang="en-US" dirty="0"/>
              <a:t>Dataset collection</a:t>
            </a:r>
          </a:p>
          <a:p>
            <a:endParaRPr lang="en-US" dirty="0"/>
          </a:p>
          <a:p>
            <a:r>
              <a:rPr lang="en-US" dirty="0"/>
              <a:t>Research questions </a:t>
            </a:r>
            <a:br>
              <a:rPr lang="en-US" dirty="0"/>
            </a:br>
            <a:endParaRPr lang="en-US" dirty="0"/>
          </a:p>
          <a:p>
            <a:r>
              <a:rPr lang="en-US" dirty="0"/>
              <a:t>Methodology</a:t>
            </a:r>
          </a:p>
          <a:p>
            <a:pPr lvl="1"/>
            <a:r>
              <a:rPr lang="en-US" dirty="0"/>
              <a:t>Corpus creation</a:t>
            </a:r>
          </a:p>
          <a:p>
            <a:pPr lvl="1"/>
            <a:r>
              <a:rPr lang="en-IN" dirty="0"/>
              <a:t>Derive characteristics of simple legal text</a:t>
            </a:r>
            <a:endParaRPr lang="en-US" dirty="0"/>
          </a:p>
          <a:p>
            <a:pPr lvl="1"/>
            <a:r>
              <a:rPr lang="en-US" dirty="0"/>
              <a:t>Evaluation of simplification methods</a:t>
            </a:r>
            <a:br>
              <a:rPr lang="en-US" dirty="0"/>
            </a:br>
            <a:endParaRPr lang="en-US" dirty="0"/>
          </a:p>
          <a:p>
            <a:r>
              <a:rPr lang="en-US" dirty="0"/>
              <a:t>Current progress</a:t>
            </a:r>
          </a:p>
          <a:p>
            <a:endParaRPr lang="en-US" dirty="0"/>
          </a:p>
          <a:p>
            <a:r>
              <a:rPr lang="en-US" dirty="0"/>
              <a:t>Timeline</a:t>
            </a:r>
          </a:p>
          <a:p>
            <a:pPr marL="98425" lvl="1" indent="0">
              <a:buNone/>
            </a:pP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© sebis</a:t>
            </a:r>
            <a:endParaRPr lang="de-DE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C9FAB-BDC1-47C0-A8BB-6E12A8205D33}" type="slidenum">
              <a:rPr lang="de-DE" smtClean="0"/>
              <a:pPr/>
              <a:t>6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162057065"/>
      </p:ext>
    </p:extLst>
  </p:cSld>
  <p:clrMapOvr>
    <a:masterClrMapping/>
  </p:clrMapOvr>
  <p:transition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9F3BE5F7-082A-454E-96B0-43393DFE01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4434" y="44451"/>
            <a:ext cx="10586102" cy="720725"/>
          </a:xfrm>
        </p:spPr>
        <p:txBody>
          <a:bodyPr wrap="square" anchor="b">
            <a:normAutofit/>
          </a:bodyPr>
          <a:lstStyle/>
          <a:p>
            <a:r>
              <a:rPr lang="en-IN"/>
              <a:t>Corpus creation</a:t>
            </a:r>
            <a:endParaRPr lang="en-IN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69A4F07-7E52-4074-BEF6-63110AB1696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383184" y="6570616"/>
            <a:ext cx="2142067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© sebis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589B92-1E06-4B7E-A06E-741F859BB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 wrap="squar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210517 Muralidharan Legal Text Simplification</a:t>
            </a:r>
            <a:endParaRPr lang="de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744679-D06D-47FA-A995-E20CE255C0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25251" y="6570616"/>
            <a:ext cx="332316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E201E5CB-5EE0-4EA4-87FF-7D8A79A61969}" type="slidenum">
              <a:rPr lang="de-DE" smtClean="0"/>
              <a:pPr>
                <a:spcAft>
                  <a:spcPts val="600"/>
                </a:spcAft>
                <a:defRPr/>
              </a:pPr>
              <a:t>7</a:t>
            </a:fld>
            <a:endParaRPr lang="de-DE"/>
          </a:p>
        </p:txBody>
      </p:sp>
      <p:graphicFrame>
        <p:nvGraphicFramePr>
          <p:cNvPr id="8" name="Content Placeholder 1">
            <a:extLst>
              <a:ext uri="{FF2B5EF4-FFF2-40B4-BE49-F238E27FC236}">
                <a16:creationId xmlns:a16="http://schemas.microsoft.com/office/drawing/2014/main" id="{386C43F8-858D-4076-8FFA-8A04824EBF82}"/>
              </a:ext>
            </a:extLst>
          </p:cNvPr>
          <p:cNvGraphicFramePr>
            <a:graphicFrameLocks noGrp="1"/>
          </p:cNvGraphicFramePr>
          <p:nvPr>
            <p:ph sz="quarter" idx="4"/>
            <p:extLst>
              <p:ext uri="{D42A27DB-BD31-4B8C-83A1-F6EECF244321}">
                <p14:modId xmlns:p14="http://schemas.microsoft.com/office/powerpoint/2010/main" val="2482966574"/>
              </p:ext>
            </p:extLst>
          </p:nvPr>
        </p:nvGraphicFramePr>
        <p:xfrm>
          <a:off x="191344" y="1398221"/>
          <a:ext cx="5664200" cy="51479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8" name="Picture 17">
            <a:extLst>
              <a:ext uri="{FF2B5EF4-FFF2-40B4-BE49-F238E27FC236}">
                <a16:creationId xmlns:a16="http://schemas.microsoft.com/office/drawing/2014/main" id="{913D1243-BCD2-4480-8180-6D9D991412C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119477" y="1504036"/>
            <a:ext cx="5659967" cy="2405485"/>
          </a:xfrm>
          <a:prstGeom prst="rect">
            <a:avLst/>
          </a:prstGeom>
          <a:noFill/>
          <a:ln>
            <a:noFill/>
          </a:ln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2427FB0A-FA76-4F7A-90CD-024C8FB5B031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094470" y="4636588"/>
            <a:ext cx="6030100" cy="1132304"/>
          </a:xfrm>
          <a:prstGeom prst="rect">
            <a:avLst/>
          </a:prstGeom>
        </p:spPr>
      </p:pic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FA18336B-3202-433B-8126-65046B53EC15}"/>
              </a:ext>
            </a:extLst>
          </p:cNvPr>
          <p:cNvSpPr txBox="1">
            <a:spLocks/>
          </p:cNvSpPr>
          <p:nvPr/>
        </p:nvSpPr>
        <p:spPr>
          <a:xfrm>
            <a:off x="7680176" y="1089108"/>
            <a:ext cx="3321512" cy="61822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228600" algn="l" rtl="0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914400" marR="0" lvl="1" indent="-317500" algn="l" rtl="0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Noto Sans Symbols"/>
              <a:buChar char="▪"/>
              <a:defRPr sz="1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17500" algn="l" rtl="0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Noto Sans Symbols"/>
              <a:buChar char="▪"/>
              <a:defRPr sz="1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0480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200"/>
              <a:buFont typeface="Noto Sans Symbols"/>
              <a:buChar char="▪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0480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200"/>
              <a:buFont typeface="Noto Sans Symbols"/>
              <a:buChar char="▪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685800" lvl="1" indent="0">
              <a:buNone/>
            </a:pPr>
            <a:r>
              <a:rPr lang="en-IN" sz="1800" dirty="0" err="1"/>
              <a:t>EasyLaw</a:t>
            </a:r>
            <a:r>
              <a:rPr lang="en-IN" sz="1800" dirty="0"/>
              <a:t> (South Korea)</a:t>
            </a: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05B86DCD-F19E-40C4-B53D-6ADA29ED6A68}"/>
              </a:ext>
            </a:extLst>
          </p:cNvPr>
          <p:cNvSpPr txBox="1">
            <a:spLocks/>
          </p:cNvSpPr>
          <p:nvPr/>
        </p:nvSpPr>
        <p:spPr>
          <a:xfrm>
            <a:off x="7680176" y="4221088"/>
            <a:ext cx="2961472" cy="61822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228600" algn="l" rtl="0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914400" marR="0" lvl="1" indent="-317500" algn="l" rtl="0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Noto Sans Symbols"/>
              <a:buChar char="▪"/>
              <a:defRPr sz="1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17500" algn="l" rtl="0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Noto Sans Symbols"/>
              <a:buChar char="▪"/>
              <a:defRPr sz="1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0480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200"/>
              <a:buFont typeface="Noto Sans Symbols"/>
              <a:buChar char="▪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0480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200"/>
              <a:buFont typeface="Noto Sans Symbols"/>
              <a:buChar char="▪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685800" lvl="1" indent="0">
              <a:buNone/>
            </a:pPr>
            <a:r>
              <a:rPr lang="en-IN" sz="1800" dirty="0"/>
              <a:t>E-Law South Korea</a:t>
            </a:r>
          </a:p>
        </p:txBody>
      </p:sp>
    </p:spTree>
    <p:extLst>
      <p:ext uri="{BB962C8B-B14F-4D97-AF65-F5344CB8AC3E}">
        <p14:creationId xmlns:p14="http://schemas.microsoft.com/office/powerpoint/2010/main" val="1495620352"/>
      </p:ext>
    </p:extLst>
  </p:cSld>
  <p:clrMapOvr>
    <a:masterClrMapping/>
  </p:clrMapOvr>
  <p:transition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1154053-0B2B-469A-B2CC-1A3FBADE8C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dirty="0"/>
              <a:t>Evaluate text simplification models using corpu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37ADBC7-F908-4FFA-B537-E711B03C69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© sebis</a:t>
            </a:r>
            <a:endParaRPr lang="de-DE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678B81-4493-451B-B727-5639AB110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210517 Muralidharan Legal Text Simplification</a:t>
            </a:r>
            <a:endParaRPr lang="de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1AE02EE-84BB-4667-83AA-C8879FFA93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201E5CB-5EE0-4EA4-87FF-7D8A79A61969}" type="slidenum">
              <a:rPr lang="de-DE" smtClean="0"/>
              <a:pPr>
                <a:defRPr/>
              </a:pPr>
              <a:t>8</a:t>
            </a:fld>
            <a:endParaRPr lang="de-DE" dirty="0"/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534402D7-5DA4-47C1-8054-F2842E1CD12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836670" y="1851695"/>
            <a:ext cx="5257800" cy="462915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6523B86A-8104-4D6E-9CC7-580EB005BC7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94470" y="3314249"/>
            <a:ext cx="4988699" cy="1258251"/>
          </a:xfrm>
          <a:prstGeom prst="rect">
            <a:avLst/>
          </a:prstGeom>
        </p:spPr>
      </p:pic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246B302E-7E32-4F67-89AD-B5B9208D7CF5}"/>
              </a:ext>
            </a:extLst>
          </p:cNvPr>
          <p:cNvSpPr txBox="1">
            <a:spLocks/>
          </p:cNvSpPr>
          <p:nvPr/>
        </p:nvSpPr>
        <p:spPr>
          <a:xfrm>
            <a:off x="1127448" y="1145237"/>
            <a:ext cx="4248472" cy="61822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228600" algn="l" rtl="0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914400" marR="0" lvl="1" indent="-317500" algn="l" rtl="0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Noto Sans Symbols"/>
              <a:buChar char="▪"/>
              <a:defRPr sz="1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17500" algn="l" rtl="0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Noto Sans Symbols"/>
              <a:buChar char="▪"/>
              <a:defRPr sz="1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0480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200"/>
              <a:buFont typeface="Noto Sans Symbols"/>
              <a:buChar char="▪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0480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200"/>
              <a:buFont typeface="Noto Sans Symbols"/>
              <a:buChar char="▪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298450" algn="l" rtl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Char char="»"/>
              <a:defRPr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685800" lvl="1" indent="0">
              <a:buNone/>
            </a:pPr>
            <a:r>
              <a:rPr lang="en-IN" sz="1800" dirty="0"/>
              <a:t>Lexical simplification model</a:t>
            </a:r>
          </a:p>
          <a:p>
            <a:pPr marL="1143000" lvl="2" indent="0">
              <a:buNone/>
            </a:pPr>
            <a:r>
              <a:rPr lang="en-IN" sz="1800" dirty="0"/>
              <a:t>      LS-BERT [5]</a:t>
            </a:r>
          </a:p>
          <a:p>
            <a:pPr marL="1143000" lvl="2" indent="0">
              <a:buNone/>
            </a:pPr>
            <a:endParaRPr lang="en-IN" sz="18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7FD04E8-30E6-4F2C-8587-AD67284A0979}"/>
              </a:ext>
            </a:extLst>
          </p:cNvPr>
          <p:cNvSpPr txBox="1"/>
          <p:nvPr/>
        </p:nvSpPr>
        <p:spPr>
          <a:xfrm>
            <a:off x="6280566" y="2261173"/>
            <a:ext cx="4616506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685800" lvl="1"/>
            <a:r>
              <a:rPr lang="en-IN" dirty="0">
                <a:latin typeface="+mn-lt"/>
                <a:cs typeface="Leelawadee UI Semilight" panose="020B0402040204020203" pitchFamily="34" charset="-34"/>
              </a:rPr>
              <a:t>Sentence simplification model</a:t>
            </a:r>
          </a:p>
          <a:p>
            <a:pPr marL="1600200" lvl="3"/>
            <a:r>
              <a:rPr lang="en-IN" dirty="0">
                <a:latin typeface="+mn-lt"/>
                <a:cs typeface="Leelawadee UI Semilight" panose="020B0402040204020203" pitchFamily="34" charset="-34"/>
              </a:rPr>
              <a:t>   ACCESS [6]</a:t>
            </a:r>
          </a:p>
        </p:txBody>
      </p:sp>
    </p:spTree>
    <p:extLst>
      <p:ext uri="{BB962C8B-B14F-4D97-AF65-F5344CB8AC3E}">
        <p14:creationId xmlns:p14="http://schemas.microsoft.com/office/powerpoint/2010/main" val="2131212032"/>
      </p:ext>
    </p:extLst>
  </p:cSld>
  <p:clrMapOvr>
    <a:masterClrMapping/>
  </p:clrMapOvr>
  <p:transition/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5A079B-E615-454C-9157-C4F16ABE9D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4437" y="44452"/>
            <a:ext cx="10586099" cy="720725"/>
          </a:xfrm>
        </p:spPr>
        <p:txBody>
          <a:bodyPr wrap="square" anchor="b">
            <a:normAutofit/>
          </a:bodyPr>
          <a:lstStyle/>
          <a:p>
            <a:r>
              <a:rPr lang="en-IN"/>
              <a:t>Derive characteristics of easy text from corpus</a:t>
            </a:r>
            <a:endParaRPr lang="en-IN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E5485E-D401-45C6-9460-03EA094B94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383184" y="6570616"/>
            <a:ext cx="2142067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© sebis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949BDC1-26B5-4929-9015-2B12482D8A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 wrap="squar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en-US"/>
              <a:t>210517 Muralidharan Legal Text Simplification</a:t>
            </a:r>
            <a:endParaRPr lang="de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F527B5-6450-4253-8CCA-9765DAF8A4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25251" y="6570616"/>
            <a:ext cx="332316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E201E5CB-5EE0-4EA4-87FF-7D8A79A61969}" type="slidenum">
              <a:rPr lang="de-DE" smtClean="0"/>
              <a:pPr>
                <a:spcAft>
                  <a:spcPts val="600"/>
                </a:spcAft>
                <a:defRPr/>
              </a:pPr>
              <a:t>9</a:t>
            </a:fld>
            <a:endParaRPr lang="de-DE"/>
          </a:p>
        </p:txBody>
      </p:sp>
      <p:graphicFrame>
        <p:nvGraphicFramePr>
          <p:cNvPr id="8" name="Content Placeholder 1">
            <a:extLst>
              <a:ext uri="{FF2B5EF4-FFF2-40B4-BE49-F238E27FC236}">
                <a16:creationId xmlns:a16="http://schemas.microsoft.com/office/drawing/2014/main" id="{1F90F136-A05D-406F-B0B1-8F9EE8A9681A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979652476"/>
              </p:ext>
            </p:extLst>
          </p:nvPr>
        </p:nvGraphicFramePr>
        <p:xfrm>
          <a:off x="334434" y="981076"/>
          <a:ext cx="11523133" cy="54006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163803562"/>
      </p:ext>
    </p:extLst>
  </p:cSld>
  <p:clrMapOvr>
    <a:masterClrMapping/>
  </p:clrMapOvr>
  <p:transition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Custom"/>
  <p:tag name="OTLTIMEBANDSHAPETYPE" val="RectangleTimeband"/>
  <p:tag name="OTLTIMEBANDTHREEDEFFECTS" val="Gel"/>
  <p:tag name="OTLTIMEBANDAUTODATERANGE" val="True"/>
  <p:tag name="OTLTIMEBANDSTARTDATE" val="0001-01-01T00:00:00.0000000"/>
  <p:tag name="OTLTIMEBANDENDDATE" val="2021-10-1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5T00:00:00.0000000Z"/>
  <p:tag name="OTLENDDATE" val="2021-10-15T23:59:00.0000000Z"/>
  <p:tag name="OTLDURATIONFORMAT" val="day"/>
  <p:tag name="OTLSPACING" val="5"/>
  <p:tag name="OTLSHAPETHICKNESSTYPE" val="Regular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6T00:00:00.0000000Z"/>
  <p:tag name="OTLENDDATE" val="2021-05-17T23:59:00.0000000Z"/>
  <p:tag name="OTLDURATIONFORMAT" val="day"/>
  <p:tag name="OTLSPACING" val="5"/>
  <p:tag name="OTLSHAPETHICKNESSTYPE" val="Regular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1T00:00:00.0000000Z"/>
  <p:tag name="OTLENDDATE" val="2021-06-14T23:59:00.0000000Z"/>
  <p:tag name="OTLDURATIONFORMAT" val="day"/>
  <p:tag name="OTLSPACING" val="5"/>
  <p:tag name="OTLSHAPETHICKNESSTYPE" val="Regular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4T00:00:00.0000000Z"/>
  <p:tag name="OTLENDDATE" val="2021-07-12T23:59:00.0000000Z"/>
  <p:tag name="OTLDURATIONFORMAT" val="day"/>
  <p:tag name="OTLSPACING" val="5"/>
  <p:tag name="OTLSHAPETHICKNESSTYPE" val="Regular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12T00:00:00.0000000Z"/>
  <p:tag name="OTLENDDATE" val="2021-08-16T23:59:00.0000000Z"/>
  <p:tag name="OTLDURATIONFORMAT" val="day"/>
  <p:tag name="OTLSPACING" val="5"/>
  <p:tag name="OTLSHAPETHICKNESSTYPE" val="Regular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6T00:00:00.0000000Z"/>
  <p:tag name="OTLENDDATE" val="2021-09-13T23:59:00.0000000Z"/>
  <p:tag name="OTLDURATIONFORMAT" val="day"/>
  <p:tag name="OTLSPACING" val="5"/>
  <p:tag name="OTLSHAPETHICKNESSTYPE" val="Regular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ENDDATE" val="2021-10-15T23:59:00.0000000Z"/>
  <p:tag name="OTLDURATIONFORMAT" val="day"/>
  <p:tag name="OTLSPACING" val="5"/>
  <p:tag name="OTLSHAPETHICKNESSTYPE" val="Regular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lides sebis 2013 2">
  <a:themeElements>
    <a:clrScheme name="Benutzerdefiniert 2">
      <a:dk1>
        <a:srgbClr val="000000"/>
      </a:dk1>
      <a:lt1>
        <a:srgbClr val="FFFFFF"/>
      </a:lt1>
      <a:dk2>
        <a:srgbClr val="002143"/>
      </a:dk2>
      <a:lt2>
        <a:srgbClr val="EEECE1"/>
      </a:lt2>
      <a:accent1>
        <a:srgbClr val="91A02F"/>
      </a:accent1>
      <a:accent2>
        <a:srgbClr val="E37C4D"/>
      </a:accent2>
      <a:accent3>
        <a:srgbClr val="DAD7CB"/>
      </a:accent3>
      <a:accent4>
        <a:srgbClr val="003359"/>
      </a:accent4>
      <a:accent5>
        <a:srgbClr val="0073CF"/>
      </a:accent5>
      <a:accent6>
        <a:srgbClr val="98C6EA"/>
      </a:accent6>
      <a:hlink>
        <a:srgbClr val="64A0C8"/>
      </a:hlink>
      <a:folHlink>
        <a:srgbClr val="64A0C8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돋움"/>
        <a:font script="Hans" typeface="方正舒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돋움"/>
        <a:font script="Hans" typeface="方正舒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ln>
          <a:headEnd type="none" w="med" len="med"/>
          <a:tailEnd type="none" w="med" len="med"/>
        </a:ln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marL="0" marR="0" indent="0" algn="ctr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dirty="0" smtClean="0">
            <a:solidFill>
              <a:schemeClr val="tx1"/>
            </a:solidFill>
            <a:cs typeface="Arial" pitchFamily="34" charset="0"/>
          </a:defRPr>
        </a:defPPr>
      </a:lstStyle>
      <a:style>
        <a:lnRef idx="1">
          <a:schemeClr val="accent3"/>
        </a:lnRef>
        <a:fillRef idx="2">
          <a:schemeClr val="accent3"/>
        </a:fillRef>
        <a:effectRef idx="1">
          <a:schemeClr val="accent3"/>
        </a:effectRef>
        <a:fontRef idx="minor">
          <a:schemeClr val="dk1"/>
        </a:fontRef>
      </a:style>
    </a:spDef>
    <a:lnDef>
      <a:spPr bwMode="auto">
        <a:ln>
          <a:headEnd type="none" w="med" len="med"/>
          <a:tailEnd type="arrow"/>
        </a:ln>
      </a:spPr>
      <a:bodyPr/>
      <a:lstStyle/>
      <a:style>
        <a:lnRef idx="3">
          <a:schemeClr val="dk1"/>
        </a:lnRef>
        <a:fillRef idx="0">
          <a:schemeClr val="dk1"/>
        </a:fillRef>
        <a:effectRef idx="2">
          <a:schemeClr val="dk1"/>
        </a:effectRef>
        <a:fontRef idx="minor">
          <a:schemeClr val="tx1"/>
        </a:fontRef>
      </a:style>
    </a:lnDef>
    <a:txDef>
      <a:spPr>
        <a:noFill/>
        <a:ln>
          <a:noFill/>
        </a:ln>
      </a:spPr>
      <a:bodyPr wrap="none" rtlCol="0">
        <a:spAutoFit/>
      </a:bodyPr>
      <a:lstStyle>
        <a:defPPr>
          <a:defRPr dirty="0" smtClean="0">
            <a:latin typeface="Arial" pitchFamily="34" charset="0"/>
          </a:defRPr>
        </a:defPPr>
      </a:lstStyle>
      <a:style>
        <a:lnRef idx="2">
          <a:schemeClr val="accent3"/>
        </a:lnRef>
        <a:fillRef idx="1">
          <a:schemeClr val="lt1"/>
        </a:fillRef>
        <a:effectRef idx="0">
          <a:schemeClr val="accent3"/>
        </a:effectRef>
        <a:fontRef idx="minor">
          <a:schemeClr val="dk1"/>
        </a:fontRef>
      </a:style>
    </a:txDef>
  </a:objectDefaults>
  <a:extraClrSchemeLst>
    <a:extraClrScheme>
      <a:clrScheme name="Leere Präsentatio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eere Präsentatio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eere Präsentatio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eere Präsentatio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eere Präsentatio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eere Präsentatio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713E39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BBAFAE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171103 Matthes English Master Slide Deck (wide).potx" id="{91040FA8-FD49-4102-AC41-84BC0B08C488}" vid="{045BDA8C-0E4E-43FE-921F-341BE0C2864F}"/>
    </a:ext>
  </a:extLst>
</a:theme>
</file>

<file path=ppt/theme/theme2.xml><?xml version="1.0" encoding="utf-8"?>
<a:theme xmlns:a="http://schemas.openxmlformats.org/drawingml/2006/main" name="Larissa-Design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-Design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171103 Matthes English Master Slide Deck (wide)</Template>
  <TotalTime>0</TotalTime>
  <Words>795</Words>
  <Application>Microsoft Office PowerPoint</Application>
  <PresentationFormat>Widescreen</PresentationFormat>
  <Paragraphs>197</Paragraphs>
  <Slides>18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6" baseType="lpstr">
      <vt:lpstr>Arial</vt:lpstr>
      <vt:lpstr>Arial Unicode MS</vt:lpstr>
      <vt:lpstr>Calibri</vt:lpstr>
      <vt:lpstr>Helvetica Neue</vt:lpstr>
      <vt:lpstr>Noto Sans Symbols</vt:lpstr>
      <vt:lpstr>TUM Neue Helvetica 75 Bold</vt:lpstr>
      <vt:lpstr>Wingdings</vt:lpstr>
      <vt:lpstr>Slides sebis 2013 2</vt:lpstr>
      <vt:lpstr>Automatic English Text Simplification for Statutes</vt:lpstr>
      <vt:lpstr>Outline</vt:lpstr>
      <vt:lpstr>Motivation</vt:lpstr>
      <vt:lpstr>Outline</vt:lpstr>
      <vt:lpstr>Research questions</vt:lpstr>
      <vt:lpstr>Outline</vt:lpstr>
      <vt:lpstr>Corpus creation</vt:lpstr>
      <vt:lpstr>Evaluate text simplification models using corpus</vt:lpstr>
      <vt:lpstr>Derive characteristics of easy text from corpus</vt:lpstr>
      <vt:lpstr>Outline</vt:lpstr>
      <vt:lpstr>Literature Survey</vt:lpstr>
      <vt:lpstr>Measuring readability of sample text</vt:lpstr>
      <vt:lpstr>Measuring readability of sample text</vt:lpstr>
      <vt:lpstr>Scraping easy-to-read text</vt:lpstr>
      <vt:lpstr>Outline</vt:lpstr>
      <vt:lpstr>Timeline</vt:lpstr>
      <vt:lpstr>Thank you!  Questions? </vt:lpstr>
      <vt:lpstr>References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dc:description>Copyright sebis</dc:description>
  <cp:lastModifiedBy/>
  <cp:revision>1</cp:revision>
  <dcterms:created xsi:type="dcterms:W3CDTF">2021-05-12T11:18:54Z</dcterms:created>
  <dcterms:modified xsi:type="dcterms:W3CDTF">2021-05-16T20:44:57Z</dcterms:modified>
</cp:coreProperties>
</file>